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5\Lei de Responsabilidade Fiscal\Arquivos para publicação\6º Bimestre 2015\"/>
    </mc:Choice>
  </mc:AlternateContent>
  <bookViews>
    <workbookView xWindow="10980" yWindow="75" windowWidth="9495" windowHeight="7740" tabRatio="910" firstSheet="13" activeTab="17"/>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9 - Op Crédito" sheetId="12" r:id="rId12"/>
    <sheet name="Anexo 10 - Projeção RPPS Financ" sheetId="13" r:id="rId13"/>
    <sheet name="Anexo 10 - Projeção RPPS Prev" sheetId="14" r:id="rId14"/>
    <sheet name="Anexo 11 - Alienação" sheetId="15" r:id="rId15"/>
    <sheet name="Anexo 12 - Saúde (Estados)" sheetId="16" r:id="rId16"/>
    <sheet name="Anexo 13 - Despesas PPP" sheetId="17" r:id="rId17"/>
    <sheet name="Anexo 14 - Simplificado" sheetId="18" r:id="rId18"/>
  </sheets>
  <definedNames>
    <definedName name="_xlnm.Print_Area" localSheetId="0">'Anexo 1 - Balanço Orçamentário'!$A$2:$L$138</definedName>
    <definedName name="_xlnm.Print_Area" localSheetId="12">'Anexo 10 - Projeção RPPS Financ'!$A$1:$E$100</definedName>
    <definedName name="_xlnm.Print_Area" localSheetId="13">'Anexo 10 - Projeção RPPS Prev'!$A$1:$E$99</definedName>
    <definedName name="_xlnm.Print_Area" localSheetId="14">'Anexo 11 - Alienação'!$A$1:$H$44</definedName>
    <definedName name="_xlnm.Print_Area" localSheetId="15">'Anexo 12 - Saúde (Estados)'!$A$1:$H$134</definedName>
    <definedName name="_xlnm.Print_Area" localSheetId="16">'Anexo 13 - Despesas PPP'!$A$1:$L$56</definedName>
    <definedName name="_xlnm.Print_Area" localSheetId="17">'Anexo 14 - Simplificado'!$A$1:$E$105</definedName>
    <definedName name="_xlnm.Print_Area" localSheetId="2">'Anexo 2 - Função'!$A$1:$L$188</definedName>
    <definedName name="_xlnm.Print_Area" localSheetId="3">'Anexo 2.1 - Função - Intra'!$A$1:$L$111</definedName>
    <definedName name="_xlnm.Print_Area" localSheetId="4">'Anexo 3 - RCL Estados'!$A$1:$H$84</definedName>
    <definedName name="_xlnm.Print_Area" localSheetId="6">'Anexo 4 - RPPS Previdenciário47'!$A$1:$I$136</definedName>
    <definedName name="_xlnm.Print_Area" localSheetId="7">'Anexo 5 - Resultado Nominal'!$A$1:$G$58</definedName>
    <definedName name="_xlnm.Print_Area" localSheetId="8">'Anexo 6 - Primário Estados'!$A$1:$H$86</definedName>
    <definedName name="_xlnm.Print_Area" localSheetId="9">'Anexo 7 - RP Poder e Órgão'!$A$1:$G$102</definedName>
    <definedName name="_xlnm.Print_Area" localSheetId="10">'Anexo 8 - MDE - Estados'!$A$1:$H$195</definedName>
    <definedName name="_xlnm.Print_Area" localSheetId="11">'Anexo 9 - Op Crédito'!$A$1:$F$44</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5">#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48</definedName>
    <definedName name="Planilha_1ÁreaTotal" localSheetId="10">#REF!,#REF!</definedName>
    <definedName name="Planilha_1ÁreaTotal">#REF!,#REF!</definedName>
    <definedName name="Planilha_1CabGráfico" localSheetId="15">#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5">#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5">#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5">#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5">#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5">#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5">#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5">#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5">#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5">#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5">#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5">#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5">#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15F968AB_9DD6_4E60_9FDC_FEF44C5FFDCB_.wvu.Cols" localSheetId="8" hidden="1">'Anexo 6 - Primário Estados'!$H:$H</definedName>
    <definedName name="Z_15F968AB_9DD6_4E60_9FDC_FEF44C5FFDCB_.wvu.PrintArea" localSheetId="0" hidden="1">'Anexo 1 - Balanço Orçamentário'!$A$2:$L$134</definedName>
    <definedName name="Z_15F968AB_9DD6_4E60_9FDC_FEF44C5FFDCB_.wvu.PrintArea" localSheetId="15" hidden="1">'Anexo 12 - Saúde (Estados)'!$A$1:$H$127</definedName>
    <definedName name="Z_15F968AB_9DD6_4E60_9FDC_FEF44C5FFDCB_.wvu.PrintArea" localSheetId="16" hidden="1">'Anexo 13 - Despesas PPP'!$A$1:$L$48</definedName>
    <definedName name="Z_15F968AB_9DD6_4E60_9FDC_FEF44C5FFDCB_.wvu.PrintArea" localSheetId="17" hidden="1">'Anexo 14 - Simplificado'!$A$1:$E$91</definedName>
    <definedName name="Z_15F968AB_9DD6_4E60_9FDC_FEF44C5FFDCB_.wvu.PrintArea" localSheetId="2" hidden="1">'Anexo 2 - Função'!$A$1:$L$179</definedName>
    <definedName name="Z_15F968AB_9DD6_4E60_9FDC_FEF44C5FFDCB_.wvu.PrintArea" localSheetId="3" hidden="1">'Anexo 2.1 - Função - Intra'!$A$1:$L$103</definedName>
    <definedName name="Z_15F968AB_9DD6_4E60_9FDC_FEF44C5FFDCB_.wvu.PrintArea" localSheetId="4" hidden="1">'Anexo 3 - RCL Estados'!$A$1:$H$75</definedName>
    <definedName name="Z_15F968AB_9DD6_4E60_9FDC_FEF44C5FFDCB_.wvu.PrintArea" localSheetId="6" hidden="1">'Anexo 4 - RPPS Previdenciário47'!$A$1:$I$136</definedName>
    <definedName name="Z_15F968AB_9DD6_4E60_9FDC_FEF44C5FFDCB_.wvu.PrintArea" localSheetId="7" hidden="1">'Anexo 5 - Resultado Nominal'!$A$1:$G$49</definedName>
    <definedName name="Z_15F968AB_9DD6_4E60_9FDC_FEF44C5FFDCB_.wvu.PrintArea" localSheetId="8" hidden="1">'Anexo 6 - Primário Estados'!$A$1:$H$75</definedName>
    <definedName name="Z_15F968AB_9DD6_4E60_9FDC_FEF44C5FFDCB_.wvu.PrintArea" localSheetId="9" hidden="1">'Anexo 7 - RP Poder e Órgão'!$A$1:$G$89</definedName>
    <definedName name="Z_25EF1E0D_169B_4051_B414_7E1196FC05E4_.wvu.PrintArea" localSheetId="0" hidden="1">'Anexo 1 - Balanço Orçamentário'!$A$1:$L$138</definedName>
    <definedName name="Z_25EF1E0D_169B_4051_B414_7E1196FC05E4_.wvu.PrintArea" localSheetId="12" hidden="1">'Anexo 10 - Projeção RPPS Financ'!$A$1:$E$97</definedName>
    <definedName name="Z_25EF1E0D_169B_4051_B414_7E1196FC05E4_.wvu.PrintArea" localSheetId="15" hidden="1">'Anexo 12 - Saúde (Estados)'!$A$1:$H$127</definedName>
    <definedName name="Z_25EF1E0D_169B_4051_B414_7E1196FC05E4_.wvu.PrintArea" localSheetId="16" hidden="1">'Anexo 13 - Despesas PPP'!$A$1:$L$48</definedName>
    <definedName name="Z_25EF1E0D_169B_4051_B414_7E1196FC05E4_.wvu.PrintArea" localSheetId="17" hidden="1">'Anexo 14 - Simplificado'!$A$1:$E$97</definedName>
    <definedName name="Z_25EF1E0D_169B_4051_B414_7E1196FC05E4_.wvu.PrintArea" localSheetId="2" hidden="1">'Anexo 2 - Função'!$A$1:$L$179</definedName>
    <definedName name="Z_25EF1E0D_169B_4051_B414_7E1196FC05E4_.wvu.PrintArea" localSheetId="3" hidden="1">'Anexo 2.1 - Função - Intra'!$A$1:$L$103</definedName>
    <definedName name="Z_25EF1E0D_169B_4051_B414_7E1196FC05E4_.wvu.PrintArea" localSheetId="4" hidden="1">'Anexo 3 - RCL Estados'!$A$1:$H$75</definedName>
    <definedName name="Z_25EF1E0D_169B_4051_B414_7E1196FC05E4_.wvu.PrintArea" localSheetId="5" hidden="1">'Anexo 4 - RPPS Financeiro FR 40'!$A$1:$I$129</definedName>
    <definedName name="Z_25EF1E0D_169B_4051_B414_7E1196FC05E4_.wvu.PrintArea" localSheetId="6" hidden="1">'Anexo 4 - RPPS Previdenciário47'!$A$1:$I$128</definedName>
    <definedName name="Z_25EF1E0D_169B_4051_B414_7E1196FC05E4_.wvu.PrintArea" localSheetId="7" hidden="1">'Anexo 5 - Resultado Nominal'!$A$1:$G$49</definedName>
    <definedName name="Z_25EF1E0D_169B_4051_B414_7E1196FC05E4_.wvu.PrintArea" localSheetId="8" hidden="1">'Anexo 6 - Primário Estados'!$A$1:$H$75</definedName>
    <definedName name="Z_25EF1E0D_169B_4051_B414_7E1196FC05E4_.wvu.PrintArea" localSheetId="9" hidden="1">'Anexo 7 - RP Poder e Órgão'!$A$1:$G$93</definedName>
    <definedName name="Z_25EF1E0D_169B_4051_B414_7E1196FC05E4_.wvu.PrintArea" localSheetId="10" hidden="1">'Anexo 8 - MDE - Estados'!$A$1:$H$189</definedName>
    <definedName name="Z_25EF1E0D_169B_4051_B414_7E1196FC05E4_.wvu.PrintArea" localSheetId="11" hidden="1">'Anexo 9 - Op Crédito'!$A$1:$F$44</definedName>
    <definedName name="Z_3AAF6A5F_F9AA_430B_9AD9_1261ECDF41B5_.wvu.PrintArea" localSheetId="0" hidden="1">'Anexo 1 - Balanço Orçamentário'!$A$1:$L$133</definedName>
    <definedName name="Z_3AAF6A5F_F9AA_430B_9AD9_1261ECDF41B5_.wvu.PrintArea" localSheetId="1" hidden="1">'Anexo 1.1 Balanço Orç Intra '!$A$1:$L$105</definedName>
    <definedName name="Z_3AAF6A5F_F9AA_430B_9AD9_1261ECDF41B5_.wvu.PrintArea" localSheetId="12" hidden="1">'Anexo 10 - Projeção RPPS Financ'!$A$1:$E$100</definedName>
    <definedName name="Z_3AAF6A5F_F9AA_430B_9AD9_1261ECDF41B5_.wvu.PrintArea" localSheetId="13" hidden="1">'Anexo 10 - Projeção RPPS Prev'!$A$1:$E$99</definedName>
    <definedName name="Z_3AAF6A5F_F9AA_430B_9AD9_1261ECDF41B5_.wvu.PrintArea" localSheetId="14" hidden="1">'Anexo 11 - Alienação'!$A$1:$H$44</definedName>
    <definedName name="Z_3AAF6A5F_F9AA_430B_9AD9_1261ECDF41B5_.wvu.PrintArea" localSheetId="15" hidden="1">'Anexo 12 - Saúde (Estados)'!$A$1:$H$135</definedName>
    <definedName name="Z_3AAF6A5F_F9AA_430B_9AD9_1261ECDF41B5_.wvu.PrintArea" localSheetId="16" hidden="1">'Anexo 13 - Despesas PPP'!$A$1:$L$58</definedName>
    <definedName name="Z_3AAF6A5F_F9AA_430B_9AD9_1261ECDF41B5_.wvu.PrintArea" localSheetId="17" hidden="1">'Anexo 14 - Simplificado'!$A$1:$E$105</definedName>
    <definedName name="Z_3AAF6A5F_F9AA_430B_9AD9_1261ECDF41B5_.wvu.PrintArea" localSheetId="2" hidden="1">'Anexo 2 - Função'!$A$1:$L$189</definedName>
    <definedName name="Z_3AAF6A5F_F9AA_430B_9AD9_1261ECDF41B5_.wvu.PrintArea" localSheetId="3" hidden="1">'Anexo 2.1 - Função - Intra'!$A$1:$L$113</definedName>
    <definedName name="Z_3AAF6A5F_F9AA_430B_9AD9_1261ECDF41B5_.wvu.PrintArea" localSheetId="4" hidden="1">'Anexo 3 - RCL Estados'!$A$1:$H$85</definedName>
    <definedName name="Z_3AAF6A5F_F9AA_430B_9AD9_1261ECDF41B5_.wvu.PrintArea" localSheetId="5" hidden="1">'Anexo 4 - RPPS Financeiro FR 40'!$A$1:$I$135</definedName>
    <definedName name="Z_3AAF6A5F_F9AA_430B_9AD9_1261ECDF41B5_.wvu.PrintArea" localSheetId="6" hidden="1">'Anexo 4 - RPPS Previdenciário47'!$A$1:$I$135</definedName>
    <definedName name="Z_3AAF6A5F_F9AA_430B_9AD9_1261ECDF41B5_.wvu.PrintArea" localSheetId="7" hidden="1">'Anexo 5 - Resultado Nominal'!$A$1:$G$58</definedName>
    <definedName name="Z_3AAF6A5F_F9AA_430B_9AD9_1261ECDF41B5_.wvu.PrintArea" localSheetId="8" hidden="1">'Anexo 6 - Primário Estados'!$A$1:$H$87</definedName>
    <definedName name="Z_3AAF6A5F_F9AA_430B_9AD9_1261ECDF41B5_.wvu.PrintArea" localSheetId="9" hidden="1">'Anexo 7 - RP Poder e Órgão'!$A$1:$G$102</definedName>
    <definedName name="Z_3AAF6A5F_F9AA_430B_9AD9_1261ECDF41B5_.wvu.PrintArea" localSheetId="10" hidden="1">'Anexo 8 - MDE - Estados'!$A$1:$H$196</definedName>
    <definedName name="Z_3AAF6A5F_F9AA_430B_9AD9_1261ECDF41B5_.wvu.PrintArea" localSheetId="11" hidden="1">'Anexo 9 - Op Crédito'!$A$1:$F$44</definedName>
    <definedName name="Z_6DBFA32C_4AA4_4E1D_9A48_697377C64CC3_.wvu.Cols" localSheetId="8" hidden="1">'Anexo 6 - Primário Estados'!$H:$H</definedName>
    <definedName name="Z_6DBFA32C_4AA4_4E1D_9A48_697377C64CC3_.wvu.PrintArea" localSheetId="0" hidden="1">'Anexo 1 - Balanço Orçamentário'!$A$2:$L$138</definedName>
    <definedName name="Z_6DBFA32C_4AA4_4E1D_9A48_697377C64CC3_.wvu.PrintArea" localSheetId="12" hidden="1">'Anexo 10 - Projeção RPPS Financ'!$A$1:$E$100</definedName>
    <definedName name="Z_6DBFA32C_4AA4_4E1D_9A48_697377C64CC3_.wvu.PrintArea" localSheetId="13" hidden="1">'Anexo 10 - Projeção RPPS Prev'!$A$1:$E$99</definedName>
    <definedName name="Z_6DBFA32C_4AA4_4E1D_9A48_697377C64CC3_.wvu.PrintArea" localSheetId="14" hidden="1">'Anexo 11 - Alienação'!$A$1:$H$44</definedName>
    <definedName name="Z_6DBFA32C_4AA4_4E1D_9A48_697377C64CC3_.wvu.PrintArea" localSheetId="15" hidden="1">'Anexo 12 - Saúde (Estados)'!$A$1:$H$127</definedName>
    <definedName name="Z_6DBFA32C_4AA4_4E1D_9A48_697377C64CC3_.wvu.PrintArea" localSheetId="16" hidden="1">'Anexo 13 - Despesas PPP'!$A$1:$L$48</definedName>
    <definedName name="Z_6DBFA32C_4AA4_4E1D_9A48_697377C64CC3_.wvu.PrintArea" localSheetId="17" hidden="1">'Anexo 14 - Simplificado'!$A$1:$E$97</definedName>
    <definedName name="Z_6DBFA32C_4AA4_4E1D_9A48_697377C64CC3_.wvu.PrintArea" localSheetId="2" hidden="1">'Anexo 2 - Função'!$A$1:$L$179</definedName>
    <definedName name="Z_6DBFA32C_4AA4_4E1D_9A48_697377C64CC3_.wvu.PrintArea" localSheetId="3" hidden="1">'Anexo 2.1 - Função - Intra'!$A$1:$L$103</definedName>
    <definedName name="Z_6DBFA32C_4AA4_4E1D_9A48_697377C64CC3_.wvu.PrintArea" localSheetId="4" hidden="1">'Anexo 3 - RCL Estados'!$A$1:$H$75</definedName>
    <definedName name="Z_6DBFA32C_4AA4_4E1D_9A48_697377C64CC3_.wvu.PrintArea" localSheetId="6" hidden="1">'Anexo 4 - RPPS Previdenciário47'!$A$1:$I$136</definedName>
    <definedName name="Z_6DBFA32C_4AA4_4E1D_9A48_697377C64CC3_.wvu.PrintArea" localSheetId="7" hidden="1">'Anexo 5 - Resultado Nominal'!$A$1:$G$49</definedName>
    <definedName name="Z_6DBFA32C_4AA4_4E1D_9A48_697377C64CC3_.wvu.PrintArea" localSheetId="8" hidden="1">'Anexo 6 - Primário Estados'!$A$1:$H$75</definedName>
    <definedName name="Z_6DBFA32C_4AA4_4E1D_9A48_697377C64CC3_.wvu.PrintArea" localSheetId="9" hidden="1">'Anexo 7 - RP Poder e Órgão'!$A$1:$G$93</definedName>
    <definedName name="Z_6DBFA32C_4AA4_4E1D_9A48_697377C64CC3_.wvu.PrintArea" localSheetId="10" hidden="1">'Anexo 8 - MDE - Estados'!$A$1:$H$189</definedName>
    <definedName name="Z_6DBFA32C_4AA4_4E1D_9A48_697377C64CC3_.wvu.PrintArea" localSheetId="11" hidden="1">'Anexo 9 - Op Crédito'!$A$1:$F$44</definedName>
    <definedName name="Z_6DBFA32C_4AA4_4E1D_9A48_697377C64CC3_.wvu.Rows" localSheetId="0" hidden="1">'Anexo 1 - Balanço Orçamentário'!$111:$116</definedName>
    <definedName name="Z_82EDB5A4_4824_4632_A540_7A52C92F04C7_.wvu.Cols" localSheetId="8" hidden="1">'Anexo 6 - Primário Estados'!$H:$H</definedName>
    <definedName name="Z_82EDB5A4_4824_4632_A540_7A52C92F04C7_.wvu.PrintArea" localSheetId="0" hidden="1">'Anexo 1 - Balanço Orçamentário'!$A$2:$L$138</definedName>
    <definedName name="Z_82EDB5A4_4824_4632_A540_7A52C92F04C7_.wvu.PrintArea" localSheetId="12" hidden="1">'Anexo 10 - Projeção RPPS Financ'!$A$1:$E$100</definedName>
    <definedName name="Z_82EDB5A4_4824_4632_A540_7A52C92F04C7_.wvu.PrintArea" localSheetId="13" hidden="1">'Anexo 10 - Projeção RPPS Prev'!$A$1:$E$99</definedName>
    <definedName name="Z_82EDB5A4_4824_4632_A540_7A52C92F04C7_.wvu.PrintArea" localSheetId="14" hidden="1">'Anexo 11 - Alienação'!$A$1:$H$44</definedName>
    <definedName name="Z_82EDB5A4_4824_4632_A540_7A52C92F04C7_.wvu.PrintArea" localSheetId="15" hidden="1">'Anexo 12 - Saúde (Estados)'!$A$1:$H$127</definedName>
    <definedName name="Z_82EDB5A4_4824_4632_A540_7A52C92F04C7_.wvu.PrintArea" localSheetId="16" hidden="1">'Anexo 13 - Despesas PPP'!$A$1:$L$48</definedName>
    <definedName name="Z_82EDB5A4_4824_4632_A540_7A52C92F04C7_.wvu.PrintArea" localSheetId="17" hidden="1">'Anexo 14 - Simplificado'!$A$1:$E$97</definedName>
    <definedName name="Z_82EDB5A4_4824_4632_A540_7A52C92F04C7_.wvu.PrintArea" localSheetId="2" hidden="1">'Anexo 2 - Função'!$A$1:$L$179</definedName>
    <definedName name="Z_82EDB5A4_4824_4632_A540_7A52C92F04C7_.wvu.PrintArea" localSheetId="3" hidden="1">'Anexo 2.1 - Função - Intra'!$A$1:$L$103</definedName>
    <definedName name="Z_82EDB5A4_4824_4632_A540_7A52C92F04C7_.wvu.PrintArea" localSheetId="4" hidden="1">'Anexo 3 - RCL Estados'!$A$1:$H$75</definedName>
    <definedName name="Z_82EDB5A4_4824_4632_A540_7A52C92F04C7_.wvu.PrintArea" localSheetId="6" hidden="1">'Anexo 4 - RPPS Previdenciário47'!$A$1:$I$136</definedName>
    <definedName name="Z_82EDB5A4_4824_4632_A540_7A52C92F04C7_.wvu.PrintArea" localSheetId="7" hidden="1">'Anexo 5 - Resultado Nominal'!$A$1:$G$49</definedName>
    <definedName name="Z_82EDB5A4_4824_4632_A540_7A52C92F04C7_.wvu.PrintArea" localSheetId="8" hidden="1">'Anexo 6 - Primário Estados'!$A$1:$H$75</definedName>
    <definedName name="Z_82EDB5A4_4824_4632_A540_7A52C92F04C7_.wvu.PrintArea" localSheetId="9" hidden="1">'Anexo 7 - RP Poder e Órgão'!$A$1:$G$93</definedName>
    <definedName name="Z_82EDB5A4_4824_4632_A540_7A52C92F04C7_.wvu.PrintArea" localSheetId="10" hidden="1">'Anexo 8 - MDE - Estados'!$A$1:$H$189</definedName>
    <definedName name="Z_82EDB5A4_4824_4632_A540_7A52C92F04C7_.wvu.PrintArea" localSheetId="11" hidden="1">'Anexo 9 - Op Crédito'!$A$1:$F$44</definedName>
    <definedName name="Z_82EDB5A4_4824_4632_A540_7A52C92F04C7_.wvu.Rows" localSheetId="0" hidden="1">'Anexo 1 - Balanço Orçamentário'!$111:$116</definedName>
    <definedName name="Z_C779D862_DE28_46CD_A428_4AAA1056D1E1_.wvu.PrintArea" localSheetId="0" hidden="1">'Anexo 1 - Balanço Orçamentário'!$A$1:$L$133</definedName>
    <definedName name="Z_C779D862_DE28_46CD_A428_4AAA1056D1E1_.wvu.PrintArea" localSheetId="1" hidden="1">'Anexo 1.1 Balanço Orç Intra '!$A$1:$L$105</definedName>
    <definedName name="Z_C779D862_DE28_46CD_A428_4AAA1056D1E1_.wvu.PrintArea" localSheetId="12" hidden="1">'Anexo 10 - Projeção RPPS Financ'!$A$1:$E$97</definedName>
    <definedName name="Z_C779D862_DE28_46CD_A428_4AAA1056D1E1_.wvu.PrintArea" localSheetId="13" hidden="1">'Anexo 10 - Projeção RPPS Prev'!$A$1:$E$97</definedName>
    <definedName name="Z_C779D862_DE28_46CD_A428_4AAA1056D1E1_.wvu.PrintArea" localSheetId="14" hidden="1">'Anexo 11 - Alienação'!$A$1:$H$44</definedName>
    <definedName name="Z_C779D862_DE28_46CD_A428_4AAA1056D1E1_.wvu.PrintArea" localSheetId="15" hidden="1">'Anexo 12 - Saúde (Estados)'!$A$1:$H$135</definedName>
    <definedName name="Z_C779D862_DE28_46CD_A428_4AAA1056D1E1_.wvu.PrintArea" localSheetId="16" hidden="1">'Anexo 13 - Despesas PPP'!$A$1:$L$58</definedName>
    <definedName name="Z_C779D862_DE28_46CD_A428_4AAA1056D1E1_.wvu.PrintArea" localSheetId="17" hidden="1">'Anexo 14 - Simplificado'!$A$1:$E$105</definedName>
    <definedName name="Z_C779D862_DE28_46CD_A428_4AAA1056D1E1_.wvu.PrintArea" localSheetId="2" hidden="1">'Anexo 2 - Função'!$A$1:$L$189</definedName>
    <definedName name="Z_C779D862_DE28_46CD_A428_4AAA1056D1E1_.wvu.PrintArea" localSheetId="3" hidden="1">'Anexo 2.1 - Função - Intra'!$A$1:$L$113</definedName>
    <definedName name="Z_C779D862_DE28_46CD_A428_4AAA1056D1E1_.wvu.PrintArea" localSheetId="4" hidden="1">'Anexo 3 - RCL Estados'!$A$1:$H$85</definedName>
    <definedName name="Z_C779D862_DE28_46CD_A428_4AAA1056D1E1_.wvu.PrintArea" localSheetId="5" hidden="1">'Anexo 4 - RPPS Financeiro FR 40'!$A$1:$I$135</definedName>
    <definedName name="Z_C779D862_DE28_46CD_A428_4AAA1056D1E1_.wvu.PrintArea" localSheetId="6" hidden="1">'Anexo 4 - RPPS Previdenciário47'!$A$1:$I$135</definedName>
    <definedName name="Z_C779D862_DE28_46CD_A428_4AAA1056D1E1_.wvu.PrintArea" localSheetId="7" hidden="1">'Anexo 5 - Resultado Nominal'!$A$1:$G$58</definedName>
    <definedName name="Z_C779D862_DE28_46CD_A428_4AAA1056D1E1_.wvu.PrintArea" localSheetId="8" hidden="1">'Anexo 6 - Primário Estados'!$A$1:$H$87</definedName>
    <definedName name="Z_C779D862_DE28_46CD_A428_4AAA1056D1E1_.wvu.PrintArea" localSheetId="9" hidden="1">'Anexo 7 - RP Poder e Órgão'!$A$1:$G$102</definedName>
    <definedName name="Z_C779D862_DE28_46CD_A428_4AAA1056D1E1_.wvu.PrintArea" localSheetId="10" hidden="1">'Anexo 8 - MDE - Estados'!$A$1:$H$196</definedName>
    <definedName name="Z_C779D862_DE28_46CD_A428_4AAA1056D1E1_.wvu.PrintArea" localSheetId="11" hidden="1">'Anexo 9 - Op Crédito'!$A$1:$F$44</definedName>
    <definedName name="Z_D5976633_8ECB_4B00_B200_C7467CF5B10F_.wvu.Cols" localSheetId="8" hidden="1">'Anexo 6 - Primário Estados'!$H:$H</definedName>
    <definedName name="Z_D5976633_8ECB_4B00_B200_C7467CF5B10F_.wvu.PrintArea" localSheetId="0" hidden="1">'Anexo 1 - Balanço Orçamentário'!$A$2:$L$134</definedName>
    <definedName name="Z_D5976633_8ECB_4B00_B200_C7467CF5B10F_.wvu.PrintArea" localSheetId="17" hidden="1">'Anexo 14 - Simplificado'!$A$1:$E$91</definedName>
    <definedName name="Z_D5976633_8ECB_4B00_B200_C7467CF5B10F_.wvu.PrintArea" localSheetId="2" hidden="1">'Anexo 2 - Função'!$A$1:$L$168</definedName>
    <definedName name="Z_D5976633_8ECB_4B00_B200_C7467CF5B10F_.wvu.PrintArea" localSheetId="4" hidden="1">'Anexo 3 - RCL Estados'!$A$1:$H$75</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49</definedName>
  </definedNames>
  <calcPr calcId="152511"/>
  <customWorkbookViews>
    <customWorkbookView name="sandrade - Modo de exibição pessoal" guid="{6DBFA32C-4AA4-4E1D-9A48-697377C64CC3}" mergeInterval="0" personalView="1" maximized="1" xWindow="1" yWindow="1" windowWidth="1362" windowHeight="496" tabRatio="892" activeSheetId="15"/>
    <customWorkbookView name="JOSE CARLOS BERNARDI - Modo de exibição pessoal" guid="{25EF1E0D-169B-4051-B414-7E1196FC05E4}" mergeInterval="0" personalView="1" maximized="1" xWindow="1" yWindow="1" windowWidth="1362" windowHeight="496" tabRatio="951" activeSheetId="11"/>
    <customWorkbookView name="vyasunaka - Modo de exibição pessoal" guid="{82EDB5A4-4824-4632-A540-7A52C92F04C7}" mergeInterval="0" personalView="1" maximized="1" xWindow="1" yWindow="1" windowWidth="1362" windowHeight="492" tabRatio="892" activeSheetId="9"/>
    <customWorkbookView name="natalino gonçalves de almeida - Modo de exibição pessoal" guid="{D5976633-8ECB-4B00-B200-C7467CF5B10F}" mergeInterval="0" personalView="1" maximized="1" windowWidth="1362" windowHeight="543" tabRatio="951" activeSheetId="11"/>
    <customWorkbookView name="cdainese - Modo de exibição pessoal" guid="{15F968AB-9DD6-4E60-9FDC-FEF44C5FFDCB}" mergeInterval="0" personalView="1" maximized="1" xWindow="1" yWindow="1" windowWidth="1362" windowHeight="538" tabRatio="951" activeSheetId="9"/>
    <customWorkbookView name="rooliveira - Modo de exibição pessoal" guid="{3AAF6A5F-F9AA-430B-9AD9-1261ECDF41B5}" mergeInterval="0" personalView="1" maximized="1" xWindow="1" yWindow="1" windowWidth="1362" windowHeight="496" tabRatio="815" activeSheetId="17"/>
    <customWorkbookView name="CLÁUDIO JOSÉ DAINESE - Modo de exibição pessoal" guid="{C779D862-DE28-46CD-A428-4AAA1056D1E1}" mergeInterval="0" personalView="1" maximized="1" xWindow="-8" yWindow="-8" windowWidth="1382" windowHeight="744" tabRatio="897" activeSheetId="15"/>
  </customWorkbookViews>
  <fileRecoveryPr autoRecover="0"/>
</workbook>
</file>

<file path=xl/sharedStrings.xml><?xml version="1.0" encoding="utf-8"?>
<sst xmlns="http://schemas.openxmlformats.org/spreadsheetml/2006/main" count="1837" uniqueCount="943">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Resultado Apurad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Saldo Final (Não Aplicado)</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Compensações Financeiras Provenientes de Impostos e Transferências Constitucionais</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r>
      <t>INSCRITAS EM RESTOS A PAGAR NÃO PROCESSADOS</t>
    </r>
    <r>
      <rPr>
        <b/>
        <sz val="8"/>
        <rFont val="Verdana"/>
        <family val="2"/>
      </rPr>
      <t xml:space="preserve"> (f)</t>
    </r>
  </si>
  <si>
    <t>FUNÇÃO/SUBFUNÇÃO INTRA-ORÇAMENTÁRIA</t>
  </si>
  <si>
    <t>RREO - Anexo 2.1 (LRF, Art. 52, inciso II, alínea "c")</t>
  </si>
  <si>
    <t>TOTAL INTRA-ORÇAMENTÁRIA</t>
  </si>
  <si>
    <t xml:space="preserve">           Transferências a Municípios</t>
  </si>
  <si>
    <t xml:space="preserve">           Demais Despesas Correntes</t>
  </si>
  <si>
    <t>JAN/2015</t>
  </si>
  <si>
    <t>FEV/2015</t>
  </si>
  <si>
    <t>PLANO PREVIDENCIÁRIO - ORÇAMENTO DA SEGURIDADE SOCIAL</t>
  </si>
  <si>
    <t xml:space="preserve"> Em 2015</t>
  </si>
  <si>
    <t>Em 2014</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r>
      <rPr>
        <b/>
        <sz val="8"/>
        <rFont val="Verdana"/>
        <family val="2"/>
      </rPr>
      <t>HABITAÇÃO</t>
    </r>
    <r>
      <rPr>
        <b/>
        <sz val="8"/>
        <color rgb="FFFF0000"/>
        <rFont val="Verdana"/>
        <family val="2"/>
      </rPr>
      <t xml:space="preserve">   </t>
    </r>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Em 31/Dez/2014</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Inscritos em 2014</t>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CANCELADO EM 2015 (j)</t>
  </si>
  <si>
    <t>52- SALDO FINANCEIRO EM 31 DE DEZEMBRO DE 2014</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GISTROS EFETUADOS EM 2015</t>
  </si>
  <si>
    <t>RECEITA RESULTANTE DE IMPOSTOS</t>
  </si>
  <si>
    <t>(caput do art. 212 da Constituição)</t>
  </si>
  <si>
    <t/>
  </si>
  <si>
    <t>RECEITAS ADICIONAIS PARA FINANCIAMENTO DO ENSINO</t>
  </si>
  <si>
    <t xml:space="preserve">   Promoção Comercial</t>
  </si>
  <si>
    <t>MAR/2015</t>
  </si>
  <si>
    <t>ABR/2015</t>
  </si>
  <si>
    <t>FONTE: SPF - Sistema de Planejamento e Finanças do Estado de MS.</t>
  </si>
  <si>
    <t>RREO - Anexo 1.1 (LRF, Art. 52, inciso I, alíneas "a" e "b" do inciso II e §1º)</t>
  </si>
  <si>
    <t>RECEITAS (INTRA-ORÇAMENTÁRIAS) (I)</t>
  </si>
  <si>
    <t>DESPESAS (INTRA-ORÇAMENTÁRIAS) (VIII)</t>
  </si>
  <si>
    <t>RECEITAS ORÇAMENTÁRIAS</t>
  </si>
  <si>
    <t>DESPESAS ORÇAMENTÁRIAS</t>
  </si>
  <si>
    <t xml:space="preserve">DESPESAS </t>
  </si>
  <si>
    <t>LIQUIDADAS</t>
  </si>
  <si>
    <t>EMPENHADAS</t>
  </si>
  <si>
    <t xml:space="preserve">    Alienação de Bens (V)</t>
  </si>
  <si>
    <t>MAI/2015</t>
  </si>
  <si>
    <t>JUN/2015</t>
  </si>
  <si>
    <t>JUL/2015</t>
  </si>
  <si>
    <t>AGO/2015</t>
  </si>
  <si>
    <t>SET/2015</t>
  </si>
  <si>
    <t>OUT/2015</t>
  </si>
  <si>
    <t xml:space="preserve">       Transferências Constitucionais e Legais</t>
  </si>
  <si>
    <t xml:space="preserve">       Demais Despesas Correntes</t>
  </si>
  <si>
    <t>JANEIRO A DEZEMBRO DE 2015 - BIMESTRE NOVEMBRO-DEZEMBRO</t>
  </si>
  <si>
    <t>JANEIRO A DEZEMBRO DE 2015</t>
  </si>
  <si>
    <t>NOV/2015</t>
  </si>
  <si>
    <t>DEZ/2015</t>
  </si>
  <si>
    <t>DEMONSTRATIVO DAS RECEITAS DE OPERAÇÕES DE CRÉDITO E DESPESAS DE CAPITAL</t>
  </si>
  <si>
    <t xml:space="preserve"> RREO – ANEXO 9 (LRF, art.53, § 1º, inciso I) </t>
  </si>
  <si>
    <t>SALDO NÃO REALIZADO</t>
  </si>
  <si>
    <t>(c) = (a – b)</t>
  </si>
  <si>
    <t xml:space="preserve">DOTAÇÃO </t>
  </si>
  <si>
    <t>SALDO NÃO EXECUTADO</t>
  </si>
  <si>
    <t>(f) = (d – e)</t>
  </si>
  <si>
    <t>(-) Incentivos Fiscais a Contribuinte</t>
  </si>
  <si>
    <t>DESPESA DE CAPITAL LÍQUIDA (II)</t>
  </si>
  <si>
    <t xml:space="preserve">Notas: </t>
  </si>
  <si>
    <r>
      <t>1</t>
    </r>
    <r>
      <rPr>
        <sz val="8"/>
        <rFont val="Verdana"/>
        <family val="2"/>
      </rPr>
      <t>Operações de Crédito descritas na CF, art. 167, inciso III</t>
    </r>
  </si>
  <si>
    <r>
      <t xml:space="preserve">2 </t>
    </r>
    <r>
      <rPr>
        <sz val="8"/>
        <rFont val="Verdana"/>
        <family val="2"/>
      </rPr>
      <t>Durante o exercício, somente as despesas liquidadas são consideradas executadas. No encerramento do exercício, as despesas não liquidadas inscritas em restos a pagar não-processados são também consideradas executadas. Dessa forma, para maior transparência, as despesas executadas estão segregadas em:</t>
    </r>
  </si>
  <si>
    <t>        . a)Despesas liquidadas, consideradas aquelas em que houve a entrega do material ou serviço, nos termos do art. 63 da Lei 4.320/64;</t>
  </si>
  <si>
    <t xml:space="preserve">        . b)Despesas empenhadas,  mas não  liquidadas,  inscritas   em  Restos  a   Pagar   não-processados,   consideradas liquidadas no encerramento do </t>
  </si>
  <si>
    <t>             exercício, por força do art.35, inciso II da Lei 4.320/64.</t>
  </si>
  <si>
    <t>(a – d)</t>
  </si>
  <si>
    <t>(b – e)</t>
  </si>
  <si>
    <t>RESULTADO PARA APURAÇÃO DA REGRA DE OURO (III) = (I – II)</t>
  </si>
  <si>
    <t>(-) Incentivos Fiscais a Contribuinte por Instituições Financeiras</t>
  </si>
  <si>
    <t>(c – f)</t>
  </si>
  <si>
    <t xml:space="preserve">DEMONSTRATIVO DA PROJEÇÃO ATUARIAL DO REGIME PRÓPRIO DE PREVIDÊNCIA DOS SERVIDORES </t>
  </si>
  <si>
    <t>RREO – ANEXO 10 (LRF, art. 53, § 1º, inciso II)</t>
  </si>
  <si>
    <t>PLANO FINANCEIRO</t>
  </si>
  <si>
    <t xml:space="preserve">RECEITAS </t>
  </si>
  <si>
    <t>RESULTADO</t>
  </si>
  <si>
    <t>SALDO FINANCEIRO</t>
  </si>
  <si>
    <t>PREVIDENCIÁRIAS</t>
  </si>
  <si>
    <t>PREVIDENCIÁRIO</t>
  </si>
  <si>
    <t xml:space="preserve"> DO EXERCÍCIO</t>
  </si>
  <si>
    <t>(c) = (a - b)</t>
  </si>
  <si>
    <t>(d) = (“d” exerc. Anterior) + (c)</t>
  </si>
  <si>
    <t>FONTE: AGEPREV Agência de Previdência Social de Mato Grosso do Sul</t>
  </si>
  <si>
    <t>PLANO PREVIDENCIÁRIO</t>
  </si>
  <si>
    <t>RREO – ANEXO 11 (LRF, art. 53, § 1º, inciso III )</t>
  </si>
  <si>
    <t>SALDO A REALIZAR</t>
  </si>
  <si>
    <t>RECEITAS DE ALIENAÇÃO DE ATIVOS (I)</t>
  </si>
  <si>
    <t xml:space="preserve">    Receita de Alienação de Bens Móveis</t>
  </si>
  <si>
    <t xml:space="preserve">    Receita de Alienação de Bens Imóveis</t>
  </si>
  <si>
    <t>SALDO A PAGAR</t>
  </si>
  <si>
    <t>PAGAS</t>
  </si>
  <si>
    <t>(g) = (d-e)</t>
  </si>
  <si>
    <t>APLICAÇÃO DOS RECURSOS DA ALIENAÇÃO DE ATIVOS (II)</t>
  </si>
  <si>
    <t xml:space="preserve">        Investimentos</t>
  </si>
  <si>
    <t xml:space="preserve">        Inversões Financeiras</t>
  </si>
  <si>
    <t xml:space="preserve">        Amortização da Dívida</t>
  </si>
  <si>
    <t xml:space="preserve">    Despesas Correntes dos Regimes de Previdência</t>
  </si>
  <si>
    <t xml:space="preserve">        Regime Geral da Previdência Social</t>
  </si>
  <si>
    <t xml:space="preserve">        Regime Próprio dos Servidores Públicos</t>
  </si>
  <si>
    <t>SALDO FINANCEIRO A APLICAR</t>
  </si>
  <si>
    <t>SALDO ATUAL</t>
  </si>
  <si>
    <t>(i) = (Ib – (IIe+ IIf))</t>
  </si>
  <si>
    <t>(j) = (IIIh + IIIi)</t>
  </si>
  <si>
    <t>VALOR (III)</t>
  </si>
  <si>
    <t>PAGAMENTO DE RESTOS A PAGAR</t>
  </si>
  <si>
    <t>DEMONSTRATIVO DA RECEITA DE ALIENAÇÃO DE ATIVOS E APLICAÇÃO DOS RECURSOS</t>
  </si>
  <si>
    <t>Em 31/Out/2015</t>
  </si>
  <si>
    <t>Em 31/Dez/2015</t>
  </si>
  <si>
    <r>
      <t>RECEITAS DE OPERAÇÕES DE CRÉDITO</t>
    </r>
    <r>
      <rPr>
        <b/>
        <vertAlign val="superscript"/>
        <sz val="8"/>
        <rFont val="Verdana"/>
        <family val="2"/>
      </rPr>
      <t>1</t>
    </r>
    <r>
      <rPr>
        <b/>
        <sz val="8"/>
        <rFont val="Verdana"/>
        <family val="2"/>
      </rPr>
      <t xml:space="preserve"> (I)</t>
    </r>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43" formatCode="_-* #,##0.00_-;\-* #,##0.00_-;_-* &quot;-&quot;??_-;_-@_-"/>
    <numFmt numFmtId="164" formatCode="&quot;R$ &quot;#,##0.00_);[Red]\(&quot;R$ &quot;#,##0.00\)"/>
    <numFmt numFmtId="165" formatCode="_(* #,##0.00_);_(* \(#,##0.00\);_(* &quot;-&quot;??_);_(@_)"/>
    <numFmt numFmtId="166" formatCode="#,##0.0_);\(#,##0.0\)"/>
    <numFmt numFmtId="167" formatCode="&quot;R$&quot;\ #,##0.00"/>
    <numFmt numFmtId="168" formatCode="#,##0.00;\(#,##0.00\)"/>
  </numFmts>
  <fonts count="29"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u/>
      <sz val="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8"/>
      <color rgb="FFFF0000"/>
      <name val="Verdana"/>
      <family val="2"/>
    </font>
    <font>
      <b/>
      <sz val="11"/>
      <color rgb="FFFF0000"/>
      <name val="Verdana"/>
      <family val="2"/>
    </font>
    <font>
      <sz val="10"/>
      <name val="Arial"/>
      <family val="2"/>
    </font>
    <font>
      <sz val="8"/>
      <name val="Verdana"/>
      <family val="2"/>
    </font>
    <font>
      <sz val="8"/>
      <name val="Verdana"/>
      <family val="2"/>
    </font>
    <font>
      <sz val="8"/>
      <color indexed="8"/>
      <name val="Verdana"/>
      <family val="2"/>
    </font>
    <font>
      <b/>
      <sz val="8"/>
      <name val="Verdana"/>
      <family val="2"/>
    </font>
    <font>
      <sz val="8"/>
      <name val="Verdana"/>
      <family val="2"/>
    </font>
    <font>
      <b/>
      <sz val="8"/>
      <name val="Verdana"/>
      <family val="2"/>
    </font>
    <font>
      <sz val="8"/>
      <name val="Verdana"/>
      <family val="2"/>
    </font>
    <font>
      <b/>
      <sz val="8"/>
      <name val="Verdana"/>
      <family val="2"/>
    </font>
    <font>
      <sz val="9"/>
      <name val="Verdana"/>
      <family val="2"/>
    </font>
    <font>
      <sz val="8"/>
      <name val="Verdana"/>
      <family val="2"/>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s>
  <borders count="16">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8" fillId="0" borderId="0" applyFont="0" applyFill="0" applyBorder="0" applyAlignment="0" applyProtection="0"/>
  </cellStyleXfs>
  <cellXfs count="1285">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4" fillId="3" borderId="4"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5" fillId="3" borderId="1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2"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49" fontId="5" fillId="2" borderId="12" xfId="0" applyNumberFormat="1" applyFont="1" applyFill="1" applyBorder="1" applyAlignment="1">
      <alignment vertical="center"/>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8" xfId="0" applyFont="1" applyFill="1" applyBorder="1" applyAlignment="1">
      <alignment vertical="center"/>
    </xf>
    <xf numFmtId="0" fontId="4" fillId="0" borderId="3"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4" fillId="2" borderId="7"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49" fontId="5" fillId="2" borderId="6" xfId="0" applyNumberFormat="1" applyFont="1" applyFill="1" applyBorder="1" applyAlignment="1">
      <alignment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37" fontId="4" fillId="0" borderId="2" xfId="0" applyNumberFormat="1"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2" xfId="0" applyNumberFormat="1" applyFont="1" applyFill="1" applyBorder="1" applyAlignment="1">
      <alignment horizontal="center" vertical="center"/>
    </xf>
    <xf numFmtId="9" fontId="4" fillId="0" borderId="13" xfId="0" applyNumberFormat="1" applyFont="1" applyFill="1" applyBorder="1" applyAlignment="1">
      <alignment horizontal="center"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11" xfId="1" applyFont="1" applyFill="1" applyBorder="1" applyAlignment="1">
      <alignment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1"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3" borderId="6" xfId="1" applyFont="1" applyFill="1" applyBorder="1" applyAlignment="1">
      <alignment vertical="center" wrapText="1"/>
    </xf>
    <xf numFmtId="0" fontId="4" fillId="3" borderId="3" xfId="1" applyFont="1" applyFill="1" applyBorder="1" applyAlignment="1">
      <alignment vertical="center" wrapText="1"/>
    </xf>
    <xf numFmtId="0" fontId="4" fillId="0" borderId="7" xfId="1" applyFont="1" applyBorder="1" applyAlignment="1">
      <alignment vertical="center"/>
    </xf>
    <xf numFmtId="0" fontId="12" fillId="0" borderId="0" xfId="1" applyFont="1" applyFill="1" applyBorder="1" applyAlignment="1">
      <alignment vertical="center"/>
    </xf>
    <xf numFmtId="0" fontId="12" fillId="0" borderId="0" xfId="1" applyFont="1" applyFill="1" applyAlignment="1">
      <alignment vertical="center"/>
    </xf>
    <xf numFmtId="0" fontId="12"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4"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0" fontId="10" fillId="2" borderId="6" xfId="0" applyFont="1" applyFill="1" applyBorder="1" applyAlignment="1">
      <alignment vertical="center"/>
    </xf>
    <xf numFmtId="49" fontId="5" fillId="0" borderId="0" xfId="0" applyNumberFormat="1"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5"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8" xfId="0"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37" fontId="5" fillId="0" borderId="2" xfId="0" applyNumberFormat="1" applyFont="1" applyFill="1" applyBorder="1" applyAlignment="1">
      <alignmen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16" fillId="0" borderId="3" xfId="0" applyFont="1" applyFill="1" applyBorder="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165" fontId="4" fillId="0" borderId="2" xfId="3" applyFont="1" applyFill="1" applyBorder="1" applyAlignment="1">
      <alignment horizontal="center" vertical="center" wrapText="1"/>
    </xf>
    <xf numFmtId="0" fontId="5" fillId="2" borderId="13" xfId="1" applyFont="1" applyFill="1" applyBorder="1" applyAlignment="1">
      <alignment horizontal="center" vertical="center"/>
    </xf>
    <xf numFmtId="0" fontId="5" fillId="2" borderId="13" xfId="1" applyFont="1" applyFill="1" applyBorder="1" applyAlignment="1">
      <alignment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4" fontId="4" fillId="0" borderId="0" xfId="0" applyNumberFormat="1" applyFont="1" applyFill="1" applyAlignment="1">
      <alignment horizontal="right" vertical="center"/>
    </xf>
    <xf numFmtId="164" fontId="4" fillId="0" borderId="7" xfId="0" applyNumberFormat="1" applyFont="1" applyFill="1" applyBorder="1" applyAlignment="1">
      <alignment horizontal="righ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4" fillId="0" borderId="8" xfId="3"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4" xfId="1" applyFont="1" applyFill="1" applyBorder="1" applyAlignment="1">
      <alignment vertical="center"/>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6" xfId="1" applyFont="1" applyFill="1" applyBorder="1" applyAlignment="1">
      <alignment horizontal="left" vertical="center" wrapText="1"/>
    </xf>
    <xf numFmtId="0" fontId="5" fillId="0" borderId="3" xfId="1" applyFont="1" applyFill="1" applyBorder="1" applyAlignment="1">
      <alignment horizontal="left" vertical="center" wrapText="1"/>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4" xfId="1" applyFont="1" applyFill="1" applyBorder="1" applyAlignment="1">
      <alignment horizontal="left" vertical="center" wrapText="1"/>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1"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5" fillId="2" borderId="7" xfId="1" applyFont="1" applyFill="1" applyBorder="1" applyAlignment="1">
      <alignment horizontal="center" vertical="center" wrapText="1"/>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0" fontId="5" fillId="2" borderId="3" xfId="0" applyFont="1" applyFill="1" applyBorder="1" applyAlignment="1">
      <alignment horizontal="center" vertical="center"/>
    </xf>
    <xf numFmtId="49" fontId="5" fillId="0" borderId="0" xfId="0" applyNumberFormat="1" applyFont="1" applyFill="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0" fontId="5" fillId="0" borderId="5" xfId="0" applyFont="1" applyFill="1" applyBorder="1" applyAlignment="1">
      <alignment vertical="center"/>
    </xf>
    <xf numFmtId="0" fontId="8" fillId="2" borderId="9" xfId="0" applyFont="1" applyFill="1" applyBorder="1" applyAlignment="1">
      <alignment vertical="center"/>
    </xf>
    <xf numFmtId="0" fontId="5" fillId="0" borderId="9" xfId="0" applyFont="1" applyFill="1" applyBorder="1" applyAlignment="1">
      <alignment vertical="center" wrapText="1"/>
    </xf>
    <xf numFmtId="49" fontId="5" fillId="0" borderId="0" xfId="0" applyNumberFormat="1" applyFont="1" applyFill="1" applyAlignment="1">
      <alignment vertical="center"/>
    </xf>
    <xf numFmtId="165" fontId="4" fillId="0" borderId="8" xfId="3" applyFont="1" applyFill="1" applyBorder="1" applyAlignment="1">
      <alignment horizontal="center" vertical="center" wrapText="1"/>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43" fontId="5" fillId="0" borderId="14" xfId="5" applyFont="1" applyFill="1" applyBorder="1" applyAlignment="1">
      <alignment vertical="center"/>
    </xf>
    <xf numFmtId="43" fontId="5" fillId="0" borderId="11" xfId="5" applyFont="1" applyFill="1" applyBorder="1" applyAlignment="1">
      <alignment vertical="center"/>
    </xf>
    <xf numFmtId="43" fontId="4" fillId="0" borderId="2" xfId="5" applyFont="1" applyFill="1" applyBorder="1" applyAlignment="1">
      <alignment vertical="center"/>
    </xf>
    <xf numFmtId="43" fontId="4" fillId="0" borderId="8" xfId="5" applyFont="1" applyFill="1" applyBorder="1" applyAlignment="1">
      <alignmen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5" fillId="0" borderId="11" xfId="5" applyFont="1" applyFill="1" applyBorder="1" applyAlignment="1">
      <alignment horizontal="center" vertical="center" wrapText="1"/>
    </xf>
    <xf numFmtId="43" fontId="5" fillId="0" borderId="8" xfId="5" applyFont="1" applyFill="1" applyBorder="1" applyAlignment="1">
      <alignment horizontal="center" vertical="center" wrapText="1"/>
    </xf>
    <xf numFmtId="43" fontId="4" fillId="0" borderId="10" xfId="5" applyFont="1" applyFill="1" applyBorder="1" applyAlignment="1">
      <alignment vertical="center"/>
    </xf>
    <xf numFmtId="43" fontId="4" fillId="0" borderId="0" xfId="5" applyFont="1" applyFill="1" applyAlignment="1">
      <alignment vertical="center"/>
    </xf>
    <xf numFmtId="43" fontId="4" fillId="0" borderId="8" xfId="5" applyFont="1" applyFill="1" applyBorder="1" applyAlignment="1">
      <alignment horizontal="center" vertical="center" wrapText="1"/>
    </xf>
    <xf numFmtId="43" fontId="4" fillId="0" borderId="13" xfId="5" applyFont="1" applyFill="1" applyBorder="1" applyAlignment="1">
      <alignment vertical="center"/>
    </xf>
    <xf numFmtId="43" fontId="5" fillId="0" borderId="2" xfId="5" applyFont="1" applyFill="1" applyBorder="1" applyAlignment="1">
      <alignment vertical="center"/>
    </xf>
    <xf numFmtId="43" fontId="4" fillId="0" borderId="1" xfId="5" applyFont="1" applyFill="1" applyBorder="1" applyAlignment="1">
      <alignment vertical="center"/>
    </xf>
    <xf numFmtId="43" fontId="4" fillId="0" borderId="0" xfId="5" applyFont="1" applyFill="1" applyBorder="1" applyAlignment="1">
      <alignment vertical="center"/>
    </xf>
    <xf numFmtId="43" fontId="4" fillId="0" borderId="0" xfId="5" applyFont="1" applyFill="1" applyAlignment="1">
      <alignment horizontal="center"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1" xfId="5" applyFont="1" applyFill="1" applyBorder="1" applyAlignment="1">
      <alignment horizontal="center" vertical="center"/>
    </xf>
    <xf numFmtId="43" fontId="5" fillId="0" borderId="8" xfId="5" applyFont="1" applyFill="1" applyBorder="1" applyAlignment="1">
      <alignment vertical="center"/>
    </xf>
    <xf numFmtId="43" fontId="5" fillId="2" borderId="10" xfId="5" applyFont="1" applyFill="1" applyBorder="1" applyAlignment="1">
      <alignment vertical="center"/>
    </xf>
    <xf numFmtId="43" fontId="5" fillId="2" borderId="15" xfId="5" applyFont="1" applyFill="1" applyBorder="1" applyAlignment="1">
      <alignment vertical="center"/>
    </xf>
    <xf numFmtId="43" fontId="5" fillId="2" borderId="15" xfId="5" applyFont="1" applyFill="1" applyBorder="1" applyAlignment="1">
      <alignment horizontal="right" vertical="center"/>
    </xf>
    <xf numFmtId="43" fontId="5" fillId="2" borderId="11" xfId="5" applyFont="1" applyFill="1" applyBorder="1" applyAlignment="1">
      <alignment horizontal="center" vertical="center"/>
    </xf>
    <xf numFmtId="43" fontId="5" fillId="2" borderId="8" xfId="5" applyFont="1" applyFill="1" applyBorder="1" applyAlignment="1">
      <alignment horizontal="center" vertical="center"/>
    </xf>
    <xf numFmtId="43" fontId="5" fillId="2" borderId="15"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3" fontId="4" fillId="0" borderId="14" xfId="5" applyFont="1" applyFill="1" applyBorder="1" applyAlignment="1">
      <alignment vertical="center"/>
    </xf>
    <xf numFmtId="43" fontId="4" fillId="0" borderId="4" xfId="5" applyFont="1" applyFill="1" applyBorder="1" applyAlignment="1">
      <alignment vertical="center"/>
    </xf>
    <xf numFmtId="43" fontId="4" fillId="0" borderId="2" xfId="5" applyFont="1" applyBorder="1"/>
    <xf numFmtId="43" fontId="5" fillId="2" borderId="5" xfId="5" applyFont="1" applyFill="1" applyBorder="1" applyAlignment="1">
      <alignment vertical="center"/>
    </xf>
    <xf numFmtId="43" fontId="4" fillId="0" borderId="5" xfId="5" applyFont="1" applyFill="1" applyBorder="1" applyAlignment="1">
      <alignment vertical="center"/>
    </xf>
    <xf numFmtId="165" fontId="5" fillId="0" borderId="12" xfId="3" applyFont="1" applyFill="1" applyBorder="1" applyAlignment="1">
      <alignment horizontal="center"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49" fontId="5" fillId="0" borderId="2" xfId="5" applyNumberFormat="1" applyFont="1" applyFill="1" applyBorder="1" applyAlignment="1">
      <alignment horizontal="right"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43" fontId="5" fillId="0" borderId="8" xfId="0" applyNumberFormat="1" applyFont="1" applyFill="1" applyBorder="1" applyAlignment="1">
      <alignment vertical="center"/>
    </xf>
    <xf numFmtId="43" fontId="5" fillId="0" borderId="0" xfId="5" applyFont="1" applyFill="1" applyBorder="1" applyAlignment="1">
      <alignment vertical="center"/>
    </xf>
    <xf numFmtId="43" fontId="5" fillId="2" borderId="11" xfId="5" applyFont="1" applyFill="1" applyBorder="1" applyAlignment="1">
      <alignment vertical="center"/>
    </xf>
    <xf numFmtId="43" fontId="5" fillId="0" borderId="6" xfId="5" applyFont="1" applyFill="1" applyBorder="1" applyAlignment="1">
      <alignment horizontal="left" vertical="center" wrapText="1"/>
    </xf>
    <xf numFmtId="43" fontId="5" fillId="0" borderId="3" xfId="5" applyFont="1" applyFill="1" applyBorder="1" applyAlignment="1">
      <alignment horizontal="left" vertical="center" wrapText="1"/>
    </xf>
    <xf numFmtId="43" fontId="5" fillId="2" borderId="10"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wrapText="1"/>
    </xf>
    <xf numFmtId="165" fontId="4" fillId="0" borderId="2" xfId="0" applyNumberFormat="1" applyFont="1" applyFill="1" applyBorder="1" applyAlignment="1">
      <alignment horizontal="center" vertical="center" wrapText="1"/>
    </xf>
    <xf numFmtId="43" fontId="4" fillId="0" borderId="2" xfId="1" applyNumberFormat="1" applyFont="1" applyFill="1" applyBorder="1" applyAlignment="1">
      <alignment vertical="center" wrapText="1"/>
    </xf>
    <xf numFmtId="43" fontId="5" fillId="0" borderId="2" xfId="1" applyNumberFormat="1" applyFont="1" applyFill="1" applyBorder="1" applyAlignment="1">
      <alignment vertical="center"/>
    </xf>
    <xf numFmtId="43" fontId="5" fillId="0" borderId="2" xfId="1" applyNumberFormat="1" applyFont="1" applyFill="1" applyBorder="1" applyAlignment="1">
      <alignment vertical="center" wrapText="1"/>
    </xf>
    <xf numFmtId="43" fontId="4" fillId="0" borderId="2" xfId="1" applyNumberFormat="1" applyFont="1" applyFill="1" applyBorder="1" applyAlignment="1">
      <alignment vertical="center"/>
    </xf>
    <xf numFmtId="43" fontId="4" fillId="0" borderId="8" xfId="1" applyNumberFormat="1" applyFont="1" applyFill="1" applyBorder="1" applyAlignment="1">
      <alignment horizontal="center" vertical="center"/>
    </xf>
    <xf numFmtId="43" fontId="5" fillId="0" borderId="11" xfId="1" applyNumberFormat="1" applyFont="1" applyFill="1" applyBorder="1" applyAlignment="1">
      <alignment vertical="center"/>
    </xf>
    <xf numFmtId="43" fontId="5" fillId="0" borderId="8" xfId="1" applyNumberFormat="1" applyFont="1" applyFill="1" applyBorder="1" applyAlignment="1">
      <alignment vertical="center"/>
    </xf>
    <xf numFmtId="43" fontId="5" fillId="0" borderId="1" xfId="1" applyNumberFormat="1" applyFont="1" applyFill="1" applyBorder="1" applyAlignment="1">
      <alignment vertical="center"/>
    </xf>
    <xf numFmtId="43" fontId="5" fillId="2" borderId="15" xfId="1" applyNumberFormat="1" applyFont="1" applyFill="1" applyBorder="1" applyAlignment="1">
      <alignment vertical="center"/>
    </xf>
    <xf numFmtId="43" fontId="5" fillId="0" borderId="14" xfId="1" applyNumberFormat="1" applyFont="1" applyFill="1" applyBorder="1" applyAlignment="1">
      <alignment vertical="center"/>
    </xf>
    <xf numFmtId="43" fontId="5" fillId="0" borderId="2" xfId="1" applyNumberFormat="1" applyFont="1" applyFill="1" applyBorder="1" applyAlignment="1">
      <alignment horizontal="center" vertical="center"/>
    </xf>
    <xf numFmtId="43" fontId="4" fillId="0" borderId="2" xfId="1" applyNumberFormat="1" applyFont="1" applyFill="1" applyBorder="1" applyAlignment="1">
      <alignment horizontal="center" vertical="center"/>
    </xf>
    <xf numFmtId="43" fontId="5" fillId="0" borderId="11" xfId="1" applyNumberFormat="1" applyFont="1" applyBorder="1" applyAlignment="1">
      <alignment vertical="center"/>
    </xf>
    <xf numFmtId="43" fontId="4" fillId="0" borderId="8" xfId="1" applyNumberFormat="1" applyFont="1" applyBorder="1" applyAlignment="1">
      <alignment vertical="center"/>
    </xf>
    <xf numFmtId="43" fontId="5" fillId="0" borderId="8" xfId="1" applyNumberFormat="1" applyFont="1" applyBorder="1" applyAlignment="1">
      <alignment vertical="center"/>
    </xf>
    <xf numFmtId="43" fontId="5" fillId="2" borderId="15" xfId="1" applyNumberFormat="1" applyFont="1" applyFill="1" applyBorder="1" applyAlignment="1">
      <alignment horizontal="center" vertical="center"/>
    </xf>
    <xf numFmtId="43" fontId="5" fillId="2" borderId="10" xfId="1" applyNumberFormat="1" applyFont="1" applyFill="1" applyBorder="1" applyAlignment="1">
      <alignment vertical="center"/>
    </xf>
    <xf numFmtId="43" fontId="4" fillId="3" borderId="14" xfId="1" applyNumberFormat="1" applyFont="1" applyFill="1" applyBorder="1" applyAlignment="1">
      <alignment horizontal="left" vertical="center"/>
    </xf>
    <xf numFmtId="43" fontId="4" fillId="3" borderId="2" xfId="1" applyNumberFormat="1" applyFont="1" applyFill="1" applyBorder="1" applyAlignment="1">
      <alignment horizontal="left" vertical="center"/>
    </xf>
    <xf numFmtId="43" fontId="4" fillId="0" borderId="8" xfId="1" applyNumberFormat="1" applyFont="1" applyFill="1" applyBorder="1" applyAlignment="1">
      <alignment vertical="center"/>
    </xf>
    <xf numFmtId="43" fontId="4" fillId="3" borderId="6" xfId="1" applyNumberFormat="1" applyFont="1" applyFill="1" applyBorder="1" applyAlignment="1">
      <alignment horizontal="left" vertical="center"/>
    </xf>
    <xf numFmtId="43" fontId="4" fillId="3" borderId="3" xfId="1" applyNumberFormat="1" applyFont="1" applyFill="1" applyBorder="1" applyAlignment="1">
      <alignment horizontal="left" vertical="center"/>
    </xf>
    <xf numFmtId="43" fontId="4" fillId="0" borderId="0" xfId="1" applyNumberFormat="1" applyFont="1" applyFill="1" applyBorder="1" applyAlignment="1">
      <alignment horizontal="center" vertical="center"/>
    </xf>
    <xf numFmtId="43" fontId="4" fillId="0" borderId="0" xfId="1" applyNumberFormat="1" applyFont="1" applyAlignment="1">
      <alignment vertical="center"/>
    </xf>
    <xf numFmtId="43" fontId="4" fillId="0" borderId="11" xfId="1" applyNumberFormat="1" applyFont="1" applyBorder="1" applyAlignment="1">
      <alignment vertical="center"/>
    </xf>
    <xf numFmtId="43" fontId="5" fillId="2" borderId="7" xfId="1" applyNumberFormat="1" applyFont="1" applyFill="1" applyBorder="1" applyAlignment="1">
      <alignment vertical="center"/>
    </xf>
    <xf numFmtId="43" fontId="4" fillId="0" borderId="8" xfId="5" applyFont="1" applyFill="1" applyBorder="1" applyAlignment="1">
      <alignment horizontal="right" vertical="center"/>
    </xf>
    <xf numFmtId="43" fontId="5" fillId="0" borderId="1" xfId="5" applyFont="1" applyFill="1" applyBorder="1" applyAlignment="1">
      <alignment vertical="center"/>
    </xf>
    <xf numFmtId="43" fontId="5" fillId="2" borderId="1" xfId="5" applyFont="1" applyFill="1" applyBorder="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5" fillId="0" borderId="2" xfId="5" applyFont="1" applyFill="1" applyBorder="1" applyAlignment="1">
      <alignment horizontal="right" vertical="center"/>
    </xf>
    <xf numFmtId="43" fontId="4" fillId="0" borderId="2" xfId="5" applyFont="1" applyFill="1" applyBorder="1" applyAlignment="1">
      <alignment horizontal="right" vertical="center"/>
    </xf>
    <xf numFmtId="43" fontId="5" fillId="0" borderId="8" xfId="5" applyFont="1" applyFill="1" applyBorder="1" applyAlignment="1">
      <alignment horizontal="right" vertical="center"/>
    </xf>
    <xf numFmtId="43" fontId="5" fillId="0" borderId="2" xfId="5" applyFont="1" applyFill="1" applyBorder="1" applyAlignment="1">
      <alignment horizontal="right" vertical="center" wrapText="1"/>
    </xf>
    <xf numFmtId="43" fontId="5" fillId="0" borderId="13" xfId="5" applyFont="1" applyFill="1" applyBorder="1" applyAlignment="1">
      <alignment horizontal="right" vertical="center"/>
    </xf>
    <xf numFmtId="43" fontId="5" fillId="0" borderId="11" xfId="5" applyFont="1" applyFill="1" applyBorder="1" applyAlignment="1">
      <alignment horizontal="right" vertical="center"/>
    </xf>
    <xf numFmtId="43" fontId="5" fillId="2" borderId="10" xfId="5" applyFont="1" applyFill="1" applyBorder="1" applyAlignment="1">
      <alignment horizontal="right" vertical="center"/>
    </xf>
    <xf numFmtId="43" fontId="4" fillId="0" borderId="3" xfId="5" applyFont="1" applyFill="1" applyBorder="1" applyAlignment="1">
      <alignment horizontal="left" vertical="center" wrapText="1"/>
    </xf>
    <xf numFmtId="43" fontId="5" fillId="0" borderId="3" xfId="5" applyFont="1" applyFill="1" applyBorder="1" applyAlignment="1">
      <alignment horizontal="right" vertical="center" wrapText="1"/>
    </xf>
    <xf numFmtId="43" fontId="5" fillId="2" borderId="9" xfId="5" applyFont="1" applyFill="1" applyBorder="1" applyAlignment="1">
      <alignment horizontal="left" vertical="center" wrapText="1"/>
    </xf>
    <xf numFmtId="43" fontId="5" fillId="2" borderId="10" xfId="5" applyFont="1" applyFill="1" applyBorder="1" applyAlignment="1">
      <alignment horizontal="left" vertical="center" wrapText="1"/>
    </xf>
    <xf numFmtId="43" fontId="5" fillId="2" borderId="9" xfId="5" applyFont="1" applyFill="1" applyBorder="1" applyAlignment="1">
      <alignment horizontal="right" vertical="center" wrapText="1"/>
    </xf>
    <xf numFmtId="43" fontId="5" fillId="0" borderId="14"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2" xfId="5" applyFont="1" applyFill="1" applyBorder="1" applyAlignment="1">
      <alignment horizontal="right" vertical="center"/>
    </xf>
    <xf numFmtId="43" fontId="5" fillId="2" borderId="12" xfId="5" applyFont="1" applyFill="1" applyBorder="1" applyAlignment="1">
      <alignment horizontal="right" vertical="center"/>
    </xf>
    <xf numFmtId="43" fontId="5" fillId="2" borderId="13" xfId="5" applyFont="1" applyFill="1" applyBorder="1" applyAlignment="1">
      <alignment horizontal="right" vertical="center"/>
    </xf>
    <xf numFmtId="43" fontId="5" fillId="2" borderId="1" xfId="5" applyFont="1" applyFill="1" applyBorder="1" applyAlignment="1">
      <alignment horizontal="right" vertical="center"/>
    </xf>
    <xf numFmtId="43" fontId="5" fillId="2" borderId="9" xfId="5" applyFont="1" applyFill="1" applyBorder="1" applyAlignment="1">
      <alignment horizontal="right" vertical="center"/>
    </xf>
    <xf numFmtId="43" fontId="4" fillId="0" borderId="2" xfId="5" applyFont="1" applyFill="1" applyBorder="1" applyAlignment="1">
      <alignment horizontal="center" vertical="center"/>
    </xf>
    <xf numFmtId="0" fontId="17"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0" fontId="19" fillId="0" borderId="3" xfId="0" applyFont="1" applyFill="1" applyBorder="1" applyAlignment="1">
      <alignment horizontal="left" vertical="center"/>
    </xf>
    <xf numFmtId="0" fontId="19" fillId="0" borderId="0" xfId="0" applyFont="1" applyFill="1" applyAlignment="1">
      <alignment vertical="center"/>
    </xf>
    <xf numFmtId="165" fontId="0" fillId="0" borderId="0" xfId="0" applyNumberFormat="1" applyAlignment="1">
      <alignment horizontal="center" wrapText="1"/>
    </xf>
    <xf numFmtId="43" fontId="5" fillId="0" borderId="2" xfId="0" applyNumberFormat="1" applyFont="1" applyFill="1" applyBorder="1" applyAlignment="1">
      <alignment vertical="center"/>
    </xf>
    <xf numFmtId="43" fontId="4" fillId="0" borderId="2" xfId="0" applyNumberFormat="1" applyFont="1" applyFill="1" applyBorder="1" applyAlignment="1">
      <alignment vertical="center"/>
    </xf>
    <xf numFmtId="43" fontId="4" fillId="0" borderId="8" xfId="0" applyNumberFormat="1" applyFont="1" applyFill="1" applyBorder="1" applyAlignment="1">
      <alignment vertical="center"/>
    </xf>
    <xf numFmtId="43" fontId="5" fillId="0" borderId="8" xfId="5" applyNumberFormat="1" applyFont="1" applyFill="1" applyBorder="1" applyAlignment="1">
      <alignment horizontal="right" vertical="center"/>
    </xf>
    <xf numFmtId="43" fontId="5" fillId="0" borderId="3" xfId="5" applyNumberFormat="1" applyFont="1" applyFill="1" applyBorder="1" applyAlignment="1">
      <alignment horizontal="right" vertical="center" wrapText="1"/>
    </xf>
    <xf numFmtId="43" fontId="5" fillId="0" borderId="10" xfId="2" applyNumberFormat="1" applyFont="1" applyFill="1" applyBorder="1" applyAlignment="1">
      <alignment vertical="center"/>
    </xf>
    <xf numFmtId="43" fontId="5" fillId="2" borderId="5" xfId="5" applyNumberFormat="1" applyFont="1" applyFill="1" applyBorder="1" applyAlignment="1">
      <alignment horizontal="right" vertical="center"/>
    </xf>
    <xf numFmtId="43" fontId="5" fillId="0" borderId="2" xfId="5" applyNumberFormat="1" applyFont="1" applyFill="1" applyBorder="1" applyAlignment="1">
      <alignment horizontal="right" vertical="center"/>
    </xf>
    <xf numFmtId="43" fontId="5" fillId="2" borderId="10" xfId="5" applyNumberFormat="1" applyFont="1" applyFill="1" applyBorder="1" applyAlignment="1">
      <alignment vertical="center"/>
    </xf>
    <xf numFmtId="43" fontId="4" fillId="0" borderId="11" xfId="1" applyNumberFormat="1" applyFont="1" applyFill="1" applyBorder="1" applyAlignment="1">
      <alignment vertical="center"/>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2" borderId="9"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0" borderId="0" xfId="1" applyNumberFormat="1" applyFont="1" applyFill="1" applyBorder="1" applyAlignment="1">
      <alignment horizontal="center" vertical="center"/>
    </xf>
    <xf numFmtId="43" fontId="4" fillId="0" borderId="0" xfId="1" applyNumberFormat="1" applyFont="1" applyFill="1" applyBorder="1" applyAlignment="1">
      <alignment vertical="center"/>
    </xf>
    <xf numFmtId="43" fontId="4" fillId="0" borderId="13" xfId="1" applyNumberFormat="1" applyFont="1" applyFill="1" applyBorder="1" applyAlignment="1">
      <alignment vertical="center"/>
    </xf>
    <xf numFmtId="43" fontId="5" fillId="2" borderId="5" xfId="1" applyNumberFormat="1" applyFont="1" applyFill="1" applyBorder="1" applyAlignment="1">
      <alignment horizontal="center" vertical="center"/>
    </xf>
    <xf numFmtId="43" fontId="5" fillId="0" borderId="5" xfId="1" applyNumberFormat="1" applyFont="1" applyFill="1" applyBorder="1" applyAlignment="1">
      <alignment horizontal="center" vertical="center" wrapText="1"/>
    </xf>
    <xf numFmtId="43" fontId="5" fillId="2" borderId="1" xfId="1" applyNumberFormat="1" applyFont="1" applyFill="1" applyBorder="1" applyAlignment="1">
      <alignment horizontal="center" vertical="center"/>
    </xf>
    <xf numFmtId="43" fontId="5" fillId="2" borderId="15" xfId="1" applyNumberFormat="1" applyFont="1" applyFill="1" applyBorder="1" applyAlignment="1">
      <alignment vertical="center" wrapText="1"/>
    </xf>
    <xf numFmtId="43" fontId="4" fillId="0" borderId="8" xfId="5" applyNumberFormat="1" applyFont="1" applyFill="1" applyBorder="1" applyAlignment="1">
      <alignment horizontal="left" vertical="center"/>
    </xf>
    <xf numFmtId="43" fontId="4" fillId="0" borderId="2" xfId="5" applyFont="1" applyFill="1" applyBorder="1" applyAlignment="1">
      <alignment horizontal="left" vertical="center"/>
    </xf>
    <xf numFmtId="43" fontId="5" fillId="2" borderId="15" xfId="5" applyFont="1" applyFill="1" applyBorder="1" applyAlignment="1">
      <alignment horizontal="left" vertical="center"/>
    </xf>
    <xf numFmtId="43" fontId="4" fillId="3" borderId="2" xfId="1" applyNumberFormat="1" applyFont="1" applyFill="1" applyBorder="1" applyAlignment="1">
      <alignment vertical="center" wrapText="1"/>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4" fontId="4" fillId="0" borderId="12" xfId="0" applyNumberFormat="1" applyFont="1" applyFill="1" applyBorder="1" applyAlignment="1">
      <alignment vertical="center"/>
    </xf>
    <xf numFmtId="165" fontId="4" fillId="0" borderId="14" xfId="0" applyNumberFormat="1" applyFont="1" applyFill="1" applyBorder="1" applyAlignment="1">
      <alignment vertical="center"/>
    </xf>
    <xf numFmtId="43" fontId="5" fillId="0" borderId="8" xfId="5" applyFont="1" applyFill="1" applyBorder="1" applyAlignment="1">
      <alignment horizontal="right" vertical="center"/>
    </xf>
    <xf numFmtId="165" fontId="4" fillId="0" borderId="12" xfId="0" applyNumberFormat="1" applyFont="1" applyFill="1" applyBorder="1" applyAlignment="1">
      <alignment vertical="center"/>
    </xf>
    <xf numFmtId="43" fontId="5" fillId="0" borderId="9" xfId="0" applyNumberFormat="1" applyFont="1" applyFill="1" applyBorder="1" applyAlignment="1">
      <alignment vertical="center"/>
    </xf>
    <xf numFmtId="165" fontId="5" fillId="0" borderId="15" xfId="0" applyNumberFormat="1" applyFont="1" applyFill="1" applyBorder="1" applyAlignment="1">
      <alignment horizontal="center"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8" xfId="0" applyFont="1" applyFill="1" applyBorder="1" applyAlignment="1">
      <alignment horizontal="right" vertical="center" wrapText="1"/>
    </xf>
    <xf numFmtId="0" fontId="4" fillId="0" borderId="2" xfId="0" applyFont="1" applyFill="1" applyBorder="1" applyAlignment="1">
      <alignment horizontal="right" vertical="center" wrapText="1"/>
    </xf>
    <xf numFmtId="0" fontId="4" fillId="0" borderId="0" xfId="0" applyFont="1" applyFill="1" applyBorder="1" applyAlignment="1">
      <alignment vertical="center" wrapText="1"/>
    </xf>
    <xf numFmtId="0" fontId="5" fillId="2" borderId="10" xfId="0" applyFont="1" applyFill="1" applyBorder="1" applyAlignment="1">
      <alignment horizontal="right" vertical="center" wrapText="1"/>
    </xf>
    <xf numFmtId="0" fontId="5" fillId="2" borderId="13" xfId="0" applyFont="1" applyFill="1" applyBorder="1" applyAlignment="1">
      <alignment horizontal="righ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5" xfId="0" applyFont="1" applyFill="1" applyBorder="1" applyAlignment="1">
      <alignment horizontal="right" vertical="center" wrapText="1"/>
    </xf>
    <xf numFmtId="0" fontId="4" fillId="0" borderId="8" xfId="0" applyFont="1" applyFill="1" applyBorder="1" applyAlignment="1">
      <alignment vertical="center" wrapText="1"/>
    </xf>
    <xf numFmtId="0" fontId="5" fillId="2" borderId="10" xfId="0" applyFont="1" applyFill="1" applyBorder="1" applyAlignment="1">
      <alignment vertical="center" wrapText="1"/>
    </xf>
    <xf numFmtId="43" fontId="5" fillId="2" borderId="10" xfId="0" applyNumberFormat="1" applyFont="1" applyFill="1" applyBorder="1" applyAlignment="1">
      <alignment horizontal="right" vertical="center" wrapText="1"/>
    </xf>
    <xf numFmtId="43" fontId="5" fillId="0" borderId="8" xfId="5" applyFont="1" applyFill="1" applyBorder="1" applyAlignment="1">
      <alignment horizontal="right" vertical="center"/>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43" fontId="4" fillId="0" borderId="8" xfId="5" applyFont="1" applyFill="1" applyBorder="1" applyAlignment="1">
      <alignment horizontal="center" vertical="center" wrapText="1"/>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3"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49" fontId="5" fillId="2" borderId="15" xfId="0" applyNumberFormat="1" applyFont="1" applyFill="1" applyBorder="1" applyAlignment="1">
      <alignment horizontal="center" vertical="center"/>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0" fontId="19" fillId="0" borderId="0" xfId="0" applyFont="1" applyFill="1" applyBorder="1" applyAlignment="1">
      <alignment vertical="center"/>
    </xf>
    <xf numFmtId="43" fontId="5" fillId="0" borderId="8" xfId="5" applyNumberFormat="1" applyFont="1" applyFill="1" applyBorder="1" applyAlignment="1">
      <alignment horizontal="right" vertical="center"/>
    </xf>
    <xf numFmtId="43" fontId="4" fillId="0" borderId="3" xfId="5" applyFont="1" applyFill="1" applyBorder="1" applyAlignment="1">
      <alignment horizontal="right" vertical="center" wrapText="1"/>
    </xf>
    <xf numFmtId="43" fontId="5" fillId="2" borderId="10" xfId="5" applyNumberFormat="1" applyFont="1" applyFill="1" applyBorder="1" applyAlignment="1">
      <alignment horizontal="lef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43" fontId="5" fillId="0" borderId="3"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0" borderId="0" xfId="1" applyNumberFormat="1" applyFont="1" applyFill="1" applyBorder="1" applyAlignment="1">
      <alignment horizontal="center" vertical="center"/>
    </xf>
    <xf numFmtId="0" fontId="5" fillId="2" borderId="1" xfId="1" applyFont="1" applyFill="1" applyBorder="1" applyAlignment="1">
      <alignment horizontal="center" vertical="top"/>
    </xf>
    <xf numFmtId="0" fontId="4" fillId="0" borderId="0" xfId="1" applyFont="1" applyBorder="1" applyAlignment="1">
      <alignment vertical="center" wrapText="1"/>
    </xf>
    <xf numFmtId="43" fontId="5" fillId="0" borderId="8" xfId="5" applyNumberFormat="1" applyFont="1" applyFill="1" applyBorder="1" applyAlignment="1">
      <alignment horizontal="left" vertical="center" wrapText="1"/>
    </xf>
    <xf numFmtId="43" fontId="5" fillId="0" borderId="14" xfId="5" applyNumberFormat="1" applyFont="1" applyFill="1" applyBorder="1" applyAlignment="1">
      <alignment horizontal="right" vertical="center"/>
    </xf>
    <xf numFmtId="43" fontId="4" fillId="0" borderId="2" xfId="5" applyFont="1" applyFill="1" applyBorder="1" applyAlignment="1">
      <alignment horizontal="right" vertical="center" wrapText="1"/>
    </xf>
    <xf numFmtId="43" fontId="5" fillId="0" borderId="13" xfId="5" applyFont="1" applyFill="1" applyBorder="1" applyAlignment="1">
      <alignment horizontal="right" vertical="center" wrapText="1"/>
    </xf>
    <xf numFmtId="43" fontId="5" fillId="0" borderId="0" xfId="5" applyNumberFormat="1" applyFont="1" applyFill="1" applyBorder="1" applyAlignment="1">
      <alignment horizontal="right" vertical="center"/>
    </xf>
    <xf numFmtId="43" fontId="5" fillId="0" borderId="13" xfId="5" applyNumberFormat="1" applyFont="1" applyFill="1" applyBorder="1" applyAlignment="1">
      <alignment horizontal="right" vertical="center"/>
    </xf>
    <xf numFmtId="43" fontId="5" fillId="0" borderId="2" xfId="5" applyFont="1" applyFill="1" applyBorder="1" applyAlignment="1">
      <alignment horizontal="left" vertical="center"/>
    </xf>
    <xf numFmtId="43" fontId="5" fillId="0" borderId="8" xfId="5" applyNumberFormat="1" applyFont="1" applyFill="1" applyBorder="1" applyAlignment="1">
      <alignment horizontal="left" vertical="center"/>
    </xf>
    <xf numFmtId="43" fontId="4" fillId="0" borderId="8" xfId="5" applyNumberFormat="1" applyFont="1" applyFill="1" applyBorder="1" applyAlignment="1">
      <alignment horizontal="right" vertical="center"/>
    </xf>
    <xf numFmtId="43" fontId="5" fillId="0" borderId="8" xfId="5" applyNumberFormat="1" applyFont="1" applyFill="1" applyBorder="1" applyAlignment="1">
      <alignment horizontal="right" vertical="center"/>
    </xf>
    <xf numFmtId="43" fontId="4" fillId="0" borderId="0" xfId="1" applyNumberFormat="1" applyFont="1" applyFill="1" applyBorder="1" applyAlignment="1">
      <alignment horizontal="center" vertical="center"/>
    </xf>
    <xf numFmtId="0" fontId="4" fillId="0" borderId="3" xfId="0" applyFont="1" applyFill="1" applyBorder="1" applyAlignment="1">
      <alignment horizontal="left" vertical="center"/>
    </xf>
    <xf numFmtId="43" fontId="4" fillId="0" borderId="8" xfId="5" applyNumberFormat="1" applyFont="1" applyFill="1" applyBorder="1" applyAlignment="1">
      <alignment horizontal="right" vertical="center"/>
    </xf>
    <xf numFmtId="0" fontId="20" fillId="0" borderId="3" xfId="0" applyFont="1" applyBorder="1" applyAlignment="1">
      <alignment horizontal="left" vertical="center"/>
    </xf>
    <xf numFmtId="0" fontId="21" fillId="0" borderId="0" xfId="0" applyNumberFormat="1" applyFont="1" applyFill="1" applyBorder="1" applyAlignment="1">
      <alignment vertical="center"/>
    </xf>
    <xf numFmtId="43" fontId="4" fillId="0" borderId="0" xfId="1" applyNumberFormat="1" applyFont="1" applyFill="1" applyAlignment="1">
      <alignment horizontal="right" vertical="center"/>
    </xf>
    <xf numFmtId="43" fontId="4" fillId="0" borderId="2" xfId="5" applyNumberFormat="1" applyFont="1" applyFill="1" applyBorder="1" applyAlignment="1">
      <alignment horizontal="right" vertical="center"/>
    </xf>
    <xf numFmtId="43" fontId="4" fillId="0" borderId="0" xfId="0" applyNumberFormat="1" applyFont="1" applyFill="1" applyAlignment="1">
      <alignment horizontal="center" vertical="center"/>
    </xf>
    <xf numFmtId="43" fontId="4" fillId="0" borderId="2" xfId="5" applyFont="1" applyFill="1" applyBorder="1" applyAlignment="1"/>
    <xf numFmtId="43" fontId="4" fillId="0" borderId="14" xfId="1" applyNumberFormat="1" applyFont="1" applyFill="1" applyBorder="1" applyAlignment="1">
      <alignment vertical="center" wrapText="1"/>
    </xf>
    <xf numFmtId="43" fontId="5" fillId="0" borderId="8" xfId="1" applyNumberFormat="1" applyFont="1" applyFill="1" applyBorder="1" applyAlignment="1">
      <alignment horizontal="center" vertical="center"/>
    </xf>
    <xf numFmtId="43" fontId="5" fillId="0" borderId="0" xfId="1" applyNumberFormat="1" applyFont="1" applyAlignment="1">
      <alignment vertical="center"/>
    </xf>
    <xf numFmtId="43" fontId="4" fillId="0" borderId="0" xfId="5"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0" fontId="5" fillId="2" borderId="3" xfId="0" applyFont="1" applyFill="1" applyBorder="1" applyAlignment="1">
      <alignment horizontal="center" vertical="center"/>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11" xfId="5" applyNumberFormat="1" applyFont="1" applyFill="1" applyBorder="1" applyAlignment="1">
      <alignment vertical="center"/>
    </xf>
    <xf numFmtId="165" fontId="4" fillId="0" borderId="6" xfId="5" applyNumberFormat="1" applyFont="1" applyFill="1" applyBorder="1" applyAlignment="1">
      <alignment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0" fontId="24" fillId="0" borderId="0" xfId="0" applyNumberFormat="1" applyFont="1" applyBorder="1"/>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43" fontId="5" fillId="0" borderId="8" xfId="1" applyNumberFormat="1" applyFont="1" applyFill="1" applyBorder="1" applyAlignment="1">
      <alignment horizontal="center" vertical="center"/>
    </xf>
    <xf numFmtId="43" fontId="5" fillId="0" borderId="3" xfId="1" applyNumberFormat="1" applyFont="1" applyFill="1" applyBorder="1" applyAlignment="1">
      <alignment horizontal="center" vertical="center"/>
    </xf>
    <xf numFmtId="0" fontId="5" fillId="0" borderId="12" xfId="1" applyFont="1" applyBorder="1" applyAlignment="1">
      <alignment horizontal="left" vertical="center" wrapText="1"/>
    </xf>
    <xf numFmtId="43" fontId="5" fillId="0" borderId="0" xfId="1" applyNumberFormat="1" applyFont="1" applyFill="1" applyBorder="1" applyAlignment="1">
      <alignment horizontal="center" vertical="center"/>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43" fontId="5" fillId="3" borderId="2" xfId="1" applyNumberFormat="1" applyFont="1" applyFill="1" applyBorder="1" applyAlignment="1">
      <alignment horizontal="left" vertical="center"/>
    </xf>
    <xf numFmtId="43" fontId="5" fillId="0" borderId="1" xfId="1" applyNumberFormat="1" applyFont="1" applyBorder="1" applyAlignment="1">
      <alignment vertical="center"/>
    </xf>
    <xf numFmtId="43" fontId="4" fillId="0" borderId="0" xfId="5" applyFont="1" applyFill="1" applyBorder="1" applyAlignment="1">
      <alignment horizontal="center" vertical="center"/>
    </xf>
    <xf numFmtId="43" fontId="4" fillId="0" borderId="8"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0" fontId="4" fillId="0" borderId="0" xfId="0" applyFont="1" applyFill="1" applyBorder="1" applyAlignment="1">
      <alignment horizontal="center" vertical="center"/>
    </xf>
    <xf numFmtId="43" fontId="4" fillId="0" borderId="0"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3" fontId="25" fillId="0" borderId="2" xfId="5" applyNumberFormat="1" applyFont="1" applyFill="1" applyBorder="1" applyAlignment="1">
      <alignment vertical="center"/>
    </xf>
    <xf numFmtId="43" fontId="25" fillId="0" borderId="2" xfId="5" applyFont="1" applyFill="1" applyBorder="1" applyAlignment="1">
      <alignment horizontal="right" vertical="center"/>
    </xf>
    <xf numFmtId="43" fontId="25" fillId="0" borderId="8" xfId="5" applyFont="1" applyFill="1" applyBorder="1" applyAlignment="1">
      <alignment horizontal="right" vertical="center"/>
    </xf>
    <xf numFmtId="43" fontId="4" fillId="0" borderId="0" xfId="0" applyNumberFormat="1" applyFont="1" applyFill="1" applyAlignment="1">
      <alignment vertical="center"/>
    </xf>
    <xf numFmtId="43" fontId="4" fillId="0" borderId="0" xfId="1" applyNumberFormat="1" applyFont="1" applyFill="1" applyBorder="1" applyAlignment="1">
      <alignment horizontal="center" vertical="center"/>
    </xf>
    <xf numFmtId="39" fontId="5" fillId="0" borderId="2" xfId="0" applyNumberFormat="1" applyFont="1" applyFill="1" applyBorder="1" applyAlignment="1">
      <alignment vertical="center"/>
    </xf>
    <xf numFmtId="43" fontId="4" fillId="0" borderId="8" xfId="5" applyFont="1" applyFill="1" applyBorder="1" applyAlignment="1">
      <alignment horizontal="righ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43" fontId="5" fillId="0" borderId="10" xfId="5" applyFont="1" applyFill="1" applyBorder="1" applyAlignment="1">
      <alignment vertical="center"/>
    </xf>
    <xf numFmtId="43" fontId="5" fillId="0" borderId="5" xfId="5" applyFont="1" applyFill="1" applyBorder="1" applyAlignment="1">
      <alignment vertical="center"/>
    </xf>
    <xf numFmtId="43" fontId="4" fillId="0" borderId="4" xfId="1" applyNumberFormat="1" applyFont="1" applyFill="1" applyBorder="1" applyAlignment="1">
      <alignment vertical="center"/>
    </xf>
    <xf numFmtId="43" fontId="4" fillId="0" borderId="7" xfId="1" applyNumberFormat="1" applyFont="1" applyFill="1" applyBorder="1" applyAlignment="1">
      <alignment vertical="center"/>
    </xf>
    <xf numFmtId="43" fontId="26" fillId="0" borderId="2" xfId="0" applyNumberFormat="1" applyFont="1" applyFill="1" applyBorder="1" applyAlignment="1">
      <alignment horizontal="right" vertical="center"/>
    </xf>
    <xf numFmtId="165" fontId="4" fillId="0" borderId="13" xfId="0" applyNumberFormat="1" applyFont="1" applyFill="1" applyBorder="1" applyAlignment="1">
      <alignment vertical="center"/>
    </xf>
    <xf numFmtId="165" fontId="5" fillId="2" borderId="10" xfId="5" applyNumberFormat="1" applyFont="1" applyFill="1" applyBorder="1" applyAlignment="1">
      <alignment horizontal="center" vertical="center"/>
    </xf>
    <xf numFmtId="43" fontId="4" fillId="0" borderId="8" xfId="5" applyFont="1" applyFill="1" applyBorder="1" applyAlignment="1">
      <alignment horizontal="center" vertical="center"/>
    </xf>
    <xf numFmtId="165" fontId="4" fillId="0" borderId="10" xfId="5" applyNumberFormat="1" applyFont="1" applyFill="1" applyBorder="1" applyAlignment="1">
      <alignment horizontal="center" vertical="center"/>
    </xf>
    <xf numFmtId="43" fontId="5" fillId="0" borderId="8" xfId="5" applyFont="1" applyFill="1" applyBorder="1" applyAlignment="1">
      <alignment horizontal="center" vertical="center"/>
    </xf>
    <xf numFmtId="43" fontId="5" fillId="2" borderId="10" xfId="5" applyFont="1" applyFill="1" applyBorder="1" applyAlignment="1">
      <alignment horizontal="center" vertical="center"/>
    </xf>
    <xf numFmtId="43" fontId="5" fillId="0" borderId="10" xfId="5" applyFont="1" applyFill="1" applyBorder="1" applyAlignment="1">
      <alignment horizontal="center" vertical="center"/>
    </xf>
    <xf numFmtId="43" fontId="4" fillId="0" borderId="1" xfId="5" applyFont="1" applyFill="1" applyBorder="1" applyAlignment="1">
      <alignment horizontal="center" vertical="center"/>
    </xf>
    <xf numFmtId="43" fontId="5" fillId="0" borderId="1" xfId="5"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43" fontId="5" fillId="2" borderId="1" xfId="5" applyFont="1" applyFill="1" applyBorder="1" applyAlignment="1">
      <alignment horizontal="center" vertical="center"/>
    </xf>
    <xf numFmtId="43" fontId="5" fillId="0" borderId="2" xfId="5" applyFont="1" applyFill="1" applyBorder="1" applyAlignment="1">
      <alignment horizontal="center" vertical="center"/>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wrapText="1"/>
    </xf>
    <xf numFmtId="165" fontId="5" fillId="2" borderId="10" xfId="5" applyNumberFormat="1" applyFont="1" applyFill="1" applyBorder="1" applyAlignment="1">
      <alignment horizontal="right" vertical="center"/>
    </xf>
    <xf numFmtId="0" fontId="5" fillId="2" borderId="11" xfId="1" applyFont="1" applyFill="1" applyBorder="1" applyAlignment="1">
      <alignment horizontal="center" vertical="center" wrapText="1"/>
    </xf>
    <xf numFmtId="0" fontId="5" fillId="2" borderId="14" xfId="1" applyFont="1" applyFill="1" applyBorder="1" applyAlignment="1">
      <alignment horizontal="center" vertical="center" wrapText="1"/>
    </xf>
    <xf numFmtId="0" fontId="5" fillId="2" borderId="2"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5" fillId="2" borderId="9" xfId="1" applyFont="1" applyFill="1" applyBorder="1" applyAlignment="1">
      <alignment horizontal="left" vertical="center" wrapText="1"/>
    </xf>
    <xf numFmtId="0" fontId="5" fillId="0" borderId="0" xfId="0" applyFont="1" applyFill="1" applyAlignment="1">
      <alignment horizontal="center" vertical="center" wrapText="1"/>
    </xf>
    <xf numFmtId="0" fontId="5" fillId="2" borderId="2" xfId="0" applyFont="1" applyFill="1" applyBorder="1" applyAlignment="1">
      <alignment horizontal="center" vertical="center" wrapText="1"/>
    </xf>
    <xf numFmtId="0" fontId="4" fillId="0" borderId="0" xfId="0" applyFont="1" applyFill="1" applyBorder="1" applyAlignment="1">
      <alignment horizontal="center" vertical="center"/>
    </xf>
    <xf numFmtId="49" fontId="5" fillId="2" borderId="10" xfId="0" applyNumberFormat="1" applyFont="1" applyFill="1" applyBorder="1" applyAlignment="1">
      <alignment horizontal="center" vertical="center"/>
    </xf>
    <xf numFmtId="0" fontId="4" fillId="0" borderId="7" xfId="0" applyFont="1" applyFill="1" applyBorder="1" applyAlignment="1">
      <alignment horizontal="center" vertical="center"/>
    </xf>
    <xf numFmtId="0" fontId="5" fillId="2" borderId="13" xfId="1" applyFont="1" applyFill="1" applyBorder="1" applyAlignment="1">
      <alignment horizontal="center" vertical="center" wrapText="1"/>
    </xf>
    <xf numFmtId="0" fontId="5" fillId="2" borderId="1" xfId="1" applyFont="1" applyFill="1" applyBorder="1" applyAlignment="1">
      <alignment horizontal="center" vertical="center" wrapText="1"/>
    </xf>
    <xf numFmtId="164" fontId="4" fillId="0" borderId="7" xfId="0" applyNumberFormat="1" applyFont="1" applyFill="1" applyBorder="1" applyAlignment="1">
      <alignment horizontal="right" vertical="center" wrapText="1"/>
    </xf>
    <xf numFmtId="0" fontId="5" fillId="0" borderId="0" xfId="1" applyFont="1" applyBorder="1" applyAlignment="1">
      <alignment horizontal="left" vertical="top" wrapText="1"/>
    </xf>
    <xf numFmtId="0" fontId="4" fillId="0" borderId="0" xfId="1" applyFont="1" applyBorder="1" applyAlignment="1">
      <alignment wrapText="1"/>
    </xf>
    <xf numFmtId="0" fontId="4" fillId="0" borderId="0" xfId="1" applyFont="1" applyFill="1" applyBorder="1" applyAlignment="1"/>
    <xf numFmtId="0" fontId="4" fillId="0" borderId="0" xfId="1" applyFont="1" applyBorder="1" applyAlignment="1">
      <alignment horizontal="right" vertical="top" wrapText="1"/>
    </xf>
    <xf numFmtId="0" fontId="4" fillId="0" borderId="0" xfId="1" applyFont="1" applyAlignment="1">
      <alignment wrapText="1"/>
    </xf>
    <xf numFmtId="0" fontId="4" fillId="0" borderId="0" xfId="1" applyFont="1" applyFill="1" applyAlignment="1"/>
    <xf numFmtId="0" fontId="4" fillId="0" borderId="0" xfId="1" applyFont="1" applyAlignment="1">
      <alignment horizontal="right" vertical="top" wrapText="1"/>
    </xf>
    <xf numFmtId="0" fontId="4" fillId="0" borderId="0" xfId="1" applyFont="1" applyBorder="1" applyAlignment="1">
      <alignment horizontal="left" vertical="top" wrapText="1"/>
    </xf>
    <xf numFmtId="0" fontId="5" fillId="2" borderId="8" xfId="1" applyFont="1" applyFill="1" applyBorder="1" applyAlignment="1">
      <alignment horizontal="center" vertical="top" wrapText="1"/>
    </xf>
    <xf numFmtId="0" fontId="4" fillId="0" borderId="5" xfId="1" applyFont="1" applyBorder="1" applyAlignment="1">
      <alignment horizontal="right" vertical="top" wrapText="1"/>
    </xf>
    <xf numFmtId="0" fontId="5" fillId="2" borderId="13" xfId="1" applyFont="1" applyFill="1" applyBorder="1" applyAlignment="1">
      <alignment horizontal="center" vertical="top" wrapText="1"/>
    </xf>
    <xf numFmtId="0" fontId="5" fillId="2" borderId="13" xfId="1" applyFont="1" applyFill="1" applyBorder="1" applyAlignment="1">
      <alignment horizontal="center" vertical="top"/>
    </xf>
    <xf numFmtId="0" fontId="5" fillId="2" borderId="1" xfId="1" applyFont="1" applyFill="1" applyBorder="1" applyAlignment="1">
      <alignment horizontal="center" vertical="top" wrapText="1"/>
    </xf>
    <xf numFmtId="0" fontId="4" fillId="0" borderId="0" xfId="1" applyFont="1" applyAlignment="1">
      <alignment horizontal="justify" vertical="top" wrapText="1"/>
    </xf>
    <xf numFmtId="0" fontId="12" fillId="0" borderId="0" xfId="1" applyFont="1" applyAlignment="1">
      <alignment horizontal="justify" vertical="top" wrapText="1"/>
    </xf>
    <xf numFmtId="0" fontId="4" fillId="0" borderId="0" xfId="1" applyFont="1" applyAlignment="1">
      <alignment horizontal="left" vertical="top" wrapText="1" indent="4"/>
    </xf>
    <xf numFmtId="0" fontId="4" fillId="0" borderId="0" xfId="1" applyFont="1" applyBorder="1" applyAlignment="1">
      <alignment horizontal="justify" vertical="top" wrapText="1"/>
    </xf>
    <xf numFmtId="0" fontId="4" fillId="0" borderId="0" xfId="1" applyFont="1" applyAlignment="1">
      <alignment horizontal="center" wrapText="1"/>
    </xf>
    <xf numFmtId="0" fontId="4" fillId="0" borderId="0" xfId="1" applyFont="1" applyFill="1" applyAlignment="1">
      <alignment horizontal="center"/>
    </xf>
    <xf numFmtId="0" fontId="4" fillId="0" borderId="0" xfId="1" applyFont="1" applyBorder="1" applyAlignment="1">
      <alignment vertical="top" wrapText="1"/>
    </xf>
    <xf numFmtId="0" fontId="4" fillId="0" borderId="0" xfId="1" applyFont="1" applyFill="1" applyAlignment="1">
      <alignment vertical="top"/>
    </xf>
    <xf numFmtId="0" fontId="4" fillId="0" borderId="0" xfId="1" applyFont="1" applyAlignment="1">
      <alignment horizontal="center" vertical="top" wrapText="1"/>
    </xf>
    <xf numFmtId="0" fontId="4" fillId="0" borderId="0" xfId="1" applyFont="1" applyFill="1" applyBorder="1" applyAlignment="1">
      <alignment horizontal="center" vertical="top"/>
    </xf>
    <xf numFmtId="0" fontId="4" fillId="0" borderId="3" xfId="1" applyFont="1" applyBorder="1" applyAlignment="1">
      <alignment horizontal="left" wrapText="1"/>
    </xf>
    <xf numFmtId="0" fontId="5" fillId="0" borderId="6" xfId="1" applyFont="1" applyBorder="1" applyAlignment="1">
      <alignment horizontal="left" wrapText="1"/>
    </xf>
    <xf numFmtId="0" fontId="5" fillId="0" borderId="0" xfId="1" applyFont="1" applyAlignment="1">
      <alignment wrapText="1"/>
    </xf>
    <xf numFmtId="0" fontId="5" fillId="0" borderId="0" xfId="1" applyFont="1" applyFill="1" applyAlignment="1"/>
    <xf numFmtId="0" fontId="5" fillId="0" borderId="0" xfId="1" applyFont="1" applyAlignment="1">
      <alignment vertical="center" wrapText="1"/>
    </xf>
    <xf numFmtId="0" fontId="4" fillId="0" borderId="7" xfId="1" applyFont="1" applyBorder="1" applyAlignment="1">
      <alignment horizontal="right" vertical="top" wrapText="1"/>
    </xf>
    <xf numFmtId="165" fontId="4" fillId="0" borderId="1" xfId="1" applyNumberFormat="1" applyFont="1" applyFill="1" applyBorder="1" applyAlignment="1">
      <alignment horizontal="center" vertical="center" wrapText="1"/>
    </xf>
    <xf numFmtId="165" fontId="5" fillId="0" borderId="14" xfId="1" applyNumberFormat="1" applyFont="1" applyBorder="1" applyAlignment="1">
      <alignment horizontal="right" vertical="top" wrapText="1"/>
    </xf>
    <xf numFmtId="165" fontId="4" fillId="0" borderId="2" xfId="1" applyNumberFormat="1" applyFont="1" applyBorder="1" applyAlignment="1">
      <alignment horizontal="right" vertical="top" wrapText="1"/>
    </xf>
    <xf numFmtId="165" fontId="4" fillId="0" borderId="8" xfId="1" applyNumberFormat="1" applyFont="1" applyBorder="1" applyAlignment="1">
      <alignment horizontal="right" vertical="top" wrapText="1"/>
    </xf>
    <xf numFmtId="165" fontId="4" fillId="0" borderId="8" xfId="1" applyNumberFormat="1" applyFont="1" applyBorder="1" applyAlignment="1">
      <alignment vertical="top" wrapText="1"/>
    </xf>
    <xf numFmtId="0" fontId="4" fillId="0" borderId="3" xfId="0" applyFont="1" applyFill="1" applyBorder="1" applyAlignment="1">
      <alignment horizontal="center" vertical="center"/>
    </xf>
    <xf numFmtId="0" fontId="4" fillId="0" borderId="12" xfId="0" applyFont="1" applyFill="1" applyBorder="1" applyAlignment="1">
      <alignment horizontal="center" vertical="center"/>
    </xf>
    <xf numFmtId="22" fontId="4" fillId="0" borderId="0" xfId="0" applyNumberFormat="1" applyFont="1" applyFill="1" applyAlignment="1">
      <alignment vertical="center"/>
    </xf>
    <xf numFmtId="165" fontId="4" fillId="0" borderId="2" xfId="5" applyNumberFormat="1" applyFont="1" applyFill="1" applyBorder="1" applyAlignment="1">
      <alignment horizontal="center" vertical="center"/>
    </xf>
    <xf numFmtId="165" fontId="4" fillId="0" borderId="13" xfId="5" applyNumberFormat="1" applyFont="1" applyFill="1" applyBorder="1" applyAlignment="1">
      <alignment horizontal="center" vertical="center"/>
    </xf>
    <xf numFmtId="0" fontId="5" fillId="0" borderId="0" xfId="1" applyNumberFormat="1" applyFont="1" applyFill="1" applyAlignment="1">
      <alignment vertical="center"/>
    </xf>
    <xf numFmtId="0" fontId="4" fillId="0" borderId="5" xfId="1" applyFont="1" applyFill="1" applyBorder="1" applyAlignment="1">
      <alignment horizontal="left" vertical="center"/>
    </xf>
    <xf numFmtId="49" fontId="4" fillId="0" borderId="0" xfId="1" applyNumberFormat="1" applyFont="1" applyFill="1" applyBorder="1" applyAlignment="1">
      <alignment vertical="center"/>
    </xf>
    <xf numFmtId="49" fontId="4" fillId="0" borderId="5" xfId="1" applyNumberFormat="1" applyFont="1" applyFill="1" applyBorder="1" applyAlignment="1">
      <alignment horizontal="left" vertical="center"/>
    </xf>
    <xf numFmtId="37" fontId="5" fillId="2" borderId="13" xfId="1" applyNumberFormat="1" applyFont="1" applyFill="1" applyBorder="1" applyAlignment="1">
      <alignment horizontal="center" vertical="center" wrapText="1"/>
    </xf>
    <xf numFmtId="0" fontId="5" fillId="0" borderId="6" xfId="1" applyFont="1" applyFill="1" applyBorder="1" applyAlignment="1">
      <alignment vertical="center"/>
    </xf>
    <xf numFmtId="165" fontId="5" fillId="0" borderId="8" xfId="5" applyNumberFormat="1" applyFont="1" applyFill="1" applyBorder="1" applyAlignment="1">
      <alignment horizontal="right" vertical="center"/>
    </xf>
    <xf numFmtId="165" fontId="5" fillId="0" borderId="11" xfId="5" applyNumberFormat="1" applyFont="1" applyFill="1" applyBorder="1" applyAlignment="1">
      <alignment horizontal="right" vertical="center"/>
    </xf>
    <xf numFmtId="0" fontId="5" fillId="2" borderId="1" xfId="1" applyFont="1" applyFill="1" applyBorder="1" applyAlignment="1">
      <alignment horizontal="center" vertical="top" wrapText="1"/>
    </xf>
    <xf numFmtId="49" fontId="5" fillId="0" borderId="12" xfId="1" applyNumberFormat="1" applyFont="1" applyFill="1" applyBorder="1" applyAlignment="1">
      <alignment vertical="center"/>
    </xf>
    <xf numFmtId="37" fontId="4" fillId="0" borderId="5" xfId="1" applyNumberFormat="1" applyFont="1" applyFill="1" applyBorder="1" applyAlignment="1">
      <alignment horizontal="center" vertical="center" wrapText="1"/>
    </xf>
    <xf numFmtId="37" fontId="4" fillId="0" borderId="4" xfId="1" applyNumberFormat="1" applyFont="1" applyFill="1" applyBorder="1" applyAlignment="1">
      <alignment vertical="center" wrapText="1"/>
    </xf>
    <xf numFmtId="49" fontId="5" fillId="2" borderId="14" xfId="0" applyNumberFormat="1" applyFont="1" applyFill="1" applyBorder="1" applyAlignment="1">
      <alignment horizontal="center" vertical="center" wrapText="1"/>
    </xf>
    <xf numFmtId="0" fontId="4" fillId="0" borderId="0" xfId="0" applyNumberFormat="1" applyFont="1" applyFill="1" applyAlignment="1">
      <alignment vertical="center" wrapText="1"/>
    </xf>
    <xf numFmtId="0" fontId="4" fillId="0" borderId="0" xfId="0" applyFont="1" applyFill="1" applyAlignment="1">
      <alignment vertical="center" wrapText="1"/>
    </xf>
    <xf numFmtId="164" fontId="4" fillId="0" borderId="0" xfId="1" applyNumberFormat="1" applyFont="1" applyFill="1" applyAlignment="1">
      <alignment horizontal="right" vertical="center" wrapText="1"/>
    </xf>
    <xf numFmtId="37" fontId="5" fillId="2" borderId="1" xfId="1" applyNumberFormat="1" applyFont="1" applyFill="1" applyBorder="1" applyAlignment="1">
      <alignment horizontal="center" vertical="center" wrapText="1"/>
    </xf>
    <xf numFmtId="37" fontId="5" fillId="2" borderId="7" xfId="1" applyNumberFormat="1" applyFont="1" applyFill="1" applyBorder="1" applyAlignment="1">
      <alignment horizontal="center" vertical="center" wrapText="1"/>
    </xf>
    <xf numFmtId="37" fontId="4" fillId="0" borderId="5" xfId="1" applyNumberFormat="1" applyFont="1" applyFill="1" applyBorder="1" applyAlignment="1">
      <alignment vertical="center" wrapText="1"/>
    </xf>
    <xf numFmtId="165" fontId="5" fillId="0" borderId="2" xfId="1" applyNumberFormat="1" applyFont="1" applyFill="1" applyBorder="1" applyAlignment="1">
      <alignment vertical="center" wrapText="1"/>
    </xf>
    <xf numFmtId="165" fontId="4" fillId="0" borderId="8" xfId="1" applyNumberFormat="1" applyFont="1" applyFill="1" applyBorder="1" applyAlignment="1">
      <alignment vertical="center" wrapText="1"/>
    </xf>
    <xf numFmtId="165" fontId="5" fillId="0" borderId="8" xfId="1" applyNumberFormat="1" applyFont="1" applyFill="1" applyBorder="1" applyAlignment="1">
      <alignment vertical="center" wrapText="1"/>
    </xf>
    <xf numFmtId="165" fontId="4" fillId="0" borderId="1" xfId="1" applyNumberFormat="1" applyFont="1" applyFill="1" applyBorder="1" applyAlignment="1">
      <alignment vertical="center" wrapText="1"/>
    </xf>
    <xf numFmtId="37" fontId="5" fillId="2" borderId="11" xfId="1" applyNumberFormat="1" applyFont="1" applyFill="1" applyBorder="1" applyAlignment="1">
      <alignment horizontal="center" vertical="center" wrapText="1"/>
    </xf>
    <xf numFmtId="0" fontId="4" fillId="0" borderId="0" xfId="0" applyNumberFormat="1" applyFont="1" applyFill="1" applyBorder="1" applyAlignment="1">
      <alignment vertical="center" wrapText="1"/>
    </xf>
    <xf numFmtId="37" fontId="4" fillId="0" borderId="5" xfId="1" applyNumberFormat="1" applyFont="1" applyFill="1" applyBorder="1" applyAlignment="1">
      <alignment horizontal="right" vertical="center" wrapText="1"/>
    </xf>
    <xf numFmtId="165" fontId="5" fillId="0" borderId="15" xfId="1" applyNumberFormat="1" applyFont="1" applyFill="1" applyBorder="1" applyAlignment="1">
      <alignment vertical="center" wrapText="1"/>
    </xf>
    <xf numFmtId="165" fontId="5" fillId="0" borderId="10" xfId="1" applyNumberFormat="1" applyFont="1" applyFill="1" applyBorder="1" applyAlignment="1">
      <alignment vertical="center" wrapText="1"/>
    </xf>
    <xf numFmtId="0" fontId="5" fillId="2" borderId="11" xfId="1" applyFont="1" applyFill="1" applyBorder="1" applyAlignment="1">
      <alignment horizontal="center" wrapText="1"/>
    </xf>
    <xf numFmtId="165" fontId="5" fillId="0" borderId="10" xfId="5" applyNumberFormat="1" applyFont="1" applyFill="1" applyBorder="1" applyAlignment="1">
      <alignment horizontal="right" vertical="center"/>
    </xf>
    <xf numFmtId="165" fontId="5" fillId="0" borderId="10" xfId="1" applyNumberFormat="1" applyFont="1" applyFill="1" applyBorder="1" applyAlignment="1">
      <alignment horizontal="right" vertical="center" wrapText="1"/>
    </xf>
    <xf numFmtId="43" fontId="5" fillId="0" borderId="11" xfId="5" applyFont="1" applyFill="1" applyBorder="1" applyAlignment="1">
      <alignment horizontal="center" vertical="center"/>
    </xf>
    <xf numFmtId="43" fontId="5" fillId="0" borderId="4" xfId="5" applyFont="1" applyFill="1" applyBorder="1" applyAlignment="1">
      <alignment horizontal="center" vertical="center"/>
    </xf>
    <xf numFmtId="165" fontId="5" fillId="2" borderId="10"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2" borderId="10"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4" fillId="0" borderId="2" xfId="5" applyNumberFormat="1" applyFont="1" applyFill="1" applyBorder="1" applyAlignment="1">
      <alignment horizontal="right" vertical="center"/>
    </xf>
    <xf numFmtId="165" fontId="23" fillId="0" borderId="2" xfId="5" applyNumberFormat="1" applyFont="1" applyFill="1" applyBorder="1" applyAlignment="1">
      <alignment horizontal="right" vertical="center"/>
    </xf>
    <xf numFmtId="165" fontId="4" fillId="0" borderId="8" xfId="5" applyNumberFormat="1" applyFont="1" applyFill="1" applyBorder="1" applyAlignment="1">
      <alignment horizontal="right" vertical="center"/>
    </xf>
    <xf numFmtId="165" fontId="22" fillId="0" borderId="8" xfId="5" applyNumberFormat="1" applyFont="1" applyFill="1" applyBorder="1" applyAlignment="1">
      <alignment horizontal="right" vertical="center"/>
    </xf>
    <xf numFmtId="165" fontId="4" fillId="0" borderId="5" xfId="0" applyNumberFormat="1" applyFont="1" applyFill="1" applyBorder="1" applyAlignment="1">
      <alignment vertical="center"/>
    </xf>
    <xf numFmtId="165" fontId="4" fillId="0" borderId="0" xfId="0" applyNumberFormat="1" applyFont="1" applyFill="1" applyAlignment="1">
      <alignment horizontal="center" vertical="center"/>
    </xf>
    <xf numFmtId="165" fontId="4" fillId="0" borderId="5" xfId="0" applyNumberFormat="1" applyFont="1" applyFill="1" applyBorder="1" applyAlignment="1">
      <alignment horizontal="center" vertical="center"/>
    </xf>
    <xf numFmtId="0" fontId="5" fillId="2" borderId="14" xfId="1" applyFont="1" applyFill="1" applyBorder="1" applyAlignment="1">
      <alignment horizontal="center" vertical="top" wrapText="1"/>
    </xf>
    <xf numFmtId="165" fontId="5" fillId="0" borderId="10" xfId="1" applyNumberFormat="1" applyFont="1" applyBorder="1" applyAlignment="1">
      <alignment vertical="center" wrapText="1"/>
    </xf>
    <xf numFmtId="165" fontId="4" fillId="0" borderId="8" xfId="0" applyNumberFormat="1" applyFont="1" applyFill="1" applyBorder="1" applyAlignment="1">
      <alignment horizontal="center" vertical="center"/>
    </xf>
    <xf numFmtId="165" fontId="4" fillId="0" borderId="2" xfId="0" applyNumberFormat="1" applyFont="1" applyFill="1" applyBorder="1" applyAlignment="1">
      <alignment horizontal="center" vertical="center"/>
    </xf>
    <xf numFmtId="165" fontId="4" fillId="0" borderId="2" xfId="0" applyNumberFormat="1" applyFont="1" applyFill="1" applyBorder="1" applyAlignment="1">
      <alignment vertical="center"/>
    </xf>
    <xf numFmtId="165" fontId="20" fillId="0" borderId="2" xfId="5" applyNumberFormat="1" applyFont="1" applyFill="1" applyBorder="1" applyAlignment="1">
      <alignment vertical="center"/>
    </xf>
    <xf numFmtId="165" fontId="19" fillId="0" borderId="2" xfId="5" applyNumberFormat="1" applyFont="1" applyFill="1" applyBorder="1" applyAlignment="1">
      <alignment vertical="center"/>
    </xf>
    <xf numFmtId="165" fontId="5" fillId="2" borderId="15" xfId="0" applyNumberFormat="1" applyFont="1" applyFill="1" applyBorder="1" applyAlignment="1">
      <alignment horizontal="center" vertical="center"/>
    </xf>
    <xf numFmtId="165" fontId="5" fillId="2" borderId="15" xfId="0" applyNumberFormat="1" applyFont="1" applyFill="1" applyBorder="1" applyAlignment="1">
      <alignment vertical="center"/>
    </xf>
    <xf numFmtId="168" fontId="4" fillId="0" borderId="2" xfId="5" applyNumberFormat="1" applyFont="1" applyFill="1" applyBorder="1" applyAlignment="1">
      <alignment vertical="center"/>
    </xf>
    <xf numFmtId="0" fontId="4" fillId="0" borderId="0" xfId="0" applyFont="1" applyFill="1" applyBorder="1" applyAlignment="1">
      <alignment horizontal="center" vertical="top"/>
    </xf>
    <xf numFmtId="165" fontId="5" fillId="0" borderId="1" xfId="5" applyNumberFormat="1" applyFont="1" applyFill="1" applyBorder="1" applyAlignment="1">
      <alignment vertical="center"/>
    </xf>
    <xf numFmtId="165" fontId="5"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43" fontId="5" fillId="0" borderId="8" xfId="5" applyFont="1" applyFill="1" applyBorder="1" applyAlignment="1">
      <alignment horizontal="right" vertical="center"/>
    </xf>
    <xf numFmtId="43" fontId="5" fillId="0" borderId="3" xfId="5" applyFont="1" applyFill="1" applyBorder="1" applyAlignment="1">
      <alignment horizontal="right" vertical="center"/>
    </xf>
    <xf numFmtId="0" fontId="4" fillId="0" borderId="0" xfId="1" applyNumberFormat="1" applyFont="1" applyFill="1" applyBorder="1" applyAlignment="1">
      <alignment horizontal="center" vertical="center" wrapText="1"/>
    </xf>
    <xf numFmtId="0" fontId="4" fillId="0" borderId="0" xfId="0" applyFont="1" applyFill="1" applyBorder="1" applyAlignment="1">
      <alignment horizontal="center" vertical="center"/>
    </xf>
    <xf numFmtId="0" fontId="5" fillId="0" borderId="0" xfId="0" applyFont="1" applyFill="1" applyBorder="1" applyAlignment="1">
      <alignment horizontal="center" vertical="center"/>
    </xf>
    <xf numFmtId="43" fontId="28" fillId="0" borderId="8" xfId="1" applyNumberFormat="1" applyFont="1" applyBorder="1" applyAlignment="1">
      <alignment vertical="center"/>
    </xf>
    <xf numFmtId="43" fontId="4" fillId="0" borderId="0" xfId="1" applyNumberFormat="1" applyFont="1" applyAlignment="1">
      <alignment vertical="center"/>
    </xf>
    <xf numFmtId="43" fontId="4" fillId="0" borderId="11" xfId="1" applyNumberFormat="1" applyFont="1" applyBorder="1" applyAlignment="1">
      <alignment vertical="center"/>
    </xf>
    <xf numFmtId="43" fontId="4" fillId="0" borderId="8" xfId="1" applyNumberFormat="1" applyFont="1" applyBorder="1" applyAlignment="1">
      <alignment vertical="center"/>
    </xf>
    <xf numFmtId="43" fontId="4" fillId="0" borderId="1" xfId="1" applyNumberFormat="1" applyFont="1" applyBorder="1" applyAlignment="1">
      <alignment vertical="center"/>
    </xf>
    <xf numFmtId="43" fontId="4" fillId="0" borderId="0" xfId="1" applyNumberFormat="1" applyFont="1" applyFill="1" applyBorder="1" applyAlignment="1">
      <alignment vertical="center"/>
    </xf>
    <xf numFmtId="43" fontId="4" fillId="0" borderId="8" xfId="5" applyNumberFormat="1" applyFont="1" applyFill="1" applyBorder="1" applyAlignment="1">
      <alignment horizontal="left" vertical="center" wrapText="1"/>
    </xf>
    <xf numFmtId="165" fontId="5" fillId="0" borderId="6" xfId="5" applyNumberFormat="1" applyFont="1" applyFill="1" applyBorder="1" applyAlignment="1">
      <alignment horizontal="left" vertical="center" wrapText="1"/>
    </xf>
    <xf numFmtId="165" fontId="5" fillId="0" borderId="14" xfId="5" applyNumberFormat="1" applyFont="1" applyFill="1" applyBorder="1" applyAlignment="1">
      <alignment horizontal="left" vertical="center" wrapText="1"/>
    </xf>
    <xf numFmtId="165" fontId="5" fillId="0" borderId="3" xfId="5" applyNumberFormat="1" applyFont="1" applyFill="1" applyBorder="1" applyAlignment="1">
      <alignment horizontal="right" vertical="center" wrapText="1"/>
    </xf>
    <xf numFmtId="165" fontId="5" fillId="0" borderId="6" xfId="5" applyNumberFormat="1" applyFont="1" applyFill="1" applyBorder="1" applyAlignment="1">
      <alignment horizontal="right" vertical="center" wrapText="1"/>
    </xf>
    <xf numFmtId="165" fontId="5" fillId="0" borderId="11" xfId="5" applyNumberFormat="1" applyFont="1" applyFill="1" applyBorder="1" applyAlignment="1">
      <alignment horizontal="left" vertical="center" wrapText="1"/>
    </xf>
    <xf numFmtId="165" fontId="4" fillId="0" borderId="3" xfId="1" applyNumberFormat="1" applyFont="1" applyFill="1" applyBorder="1" applyAlignment="1">
      <alignment horizontal="left" vertical="center" wrapText="1"/>
    </xf>
    <xf numFmtId="165" fontId="4" fillId="0" borderId="2" xfId="5" applyNumberFormat="1" applyFont="1" applyFill="1" applyBorder="1" applyAlignment="1">
      <alignment horizontal="left" vertical="center" wrapText="1"/>
    </xf>
    <xf numFmtId="165" fontId="4" fillId="0" borderId="3" xfId="5" applyNumberFormat="1" applyFont="1" applyFill="1" applyBorder="1" applyAlignment="1">
      <alignment horizontal="right" vertical="center" wrapText="1"/>
    </xf>
    <xf numFmtId="165" fontId="4" fillId="0" borderId="8" xfId="5" applyNumberFormat="1" applyFont="1" applyFill="1" applyBorder="1" applyAlignment="1">
      <alignment horizontal="left" vertical="center" wrapText="1"/>
    </xf>
    <xf numFmtId="165" fontId="5" fillId="0" borderId="3" xfId="5" applyNumberFormat="1" applyFont="1" applyFill="1" applyBorder="1" applyAlignment="1">
      <alignment horizontal="left" vertical="center" wrapText="1"/>
    </xf>
    <xf numFmtId="165" fontId="5" fillId="0" borderId="2" xfId="5" applyNumberFormat="1" applyFont="1" applyFill="1" applyBorder="1" applyAlignment="1">
      <alignment horizontal="left" vertical="center" wrapText="1"/>
    </xf>
    <xf numFmtId="165" fontId="5" fillId="0" borderId="8" xfId="5" applyNumberFormat="1" applyFont="1" applyFill="1" applyBorder="1" applyAlignment="1">
      <alignment horizontal="left" vertical="center" wrapText="1"/>
    </xf>
    <xf numFmtId="165" fontId="4" fillId="0" borderId="12" xfId="1" applyNumberFormat="1" applyFont="1" applyFill="1" applyBorder="1" applyAlignment="1">
      <alignment horizontal="left" vertical="center" wrapText="1"/>
    </xf>
    <xf numFmtId="165" fontId="5" fillId="0" borderId="13" xfId="5" applyNumberFormat="1" applyFont="1" applyFill="1" applyBorder="1" applyAlignment="1">
      <alignment horizontal="left" vertical="center" wrapText="1"/>
    </xf>
    <xf numFmtId="165" fontId="4" fillId="0" borderId="13" xfId="5" applyNumberFormat="1" applyFont="1" applyFill="1" applyBorder="1" applyAlignment="1">
      <alignment horizontal="right" vertical="center" wrapText="1"/>
    </xf>
    <xf numFmtId="165" fontId="4" fillId="0" borderId="12" xfId="5" applyNumberFormat="1" applyFont="1" applyFill="1" applyBorder="1" applyAlignment="1">
      <alignment horizontal="right" vertical="center" wrapText="1"/>
    </xf>
    <xf numFmtId="165" fontId="4" fillId="0" borderId="1" xfId="5" applyNumberFormat="1" applyFont="1" applyFill="1" applyBorder="1" applyAlignment="1">
      <alignment horizontal="right" vertical="center" wrapText="1"/>
    </xf>
    <xf numFmtId="165" fontId="5" fillId="2" borderId="12" xfId="1" applyNumberFormat="1" applyFont="1" applyFill="1" applyBorder="1" applyAlignment="1">
      <alignment horizontal="left" vertical="center" wrapText="1"/>
    </xf>
    <xf numFmtId="165" fontId="5" fillId="2" borderId="12" xfId="5" applyNumberFormat="1" applyFont="1" applyFill="1" applyBorder="1" applyAlignment="1">
      <alignment horizontal="right" vertical="center" wrapText="1"/>
    </xf>
    <xf numFmtId="165" fontId="5" fillId="2" borderId="1" xfId="5" applyNumberFormat="1" applyFont="1" applyFill="1" applyBorder="1" applyAlignment="1">
      <alignment horizontal="right" vertical="center" wrapText="1"/>
    </xf>
    <xf numFmtId="165" fontId="5" fillId="2" borderId="1" xfId="1" applyNumberFormat="1" applyFont="1" applyFill="1" applyBorder="1" applyAlignment="1">
      <alignment horizontal="left" vertical="center" wrapText="1"/>
    </xf>
    <xf numFmtId="43" fontId="5" fillId="3" borderId="3" xfId="1" applyNumberFormat="1" applyFont="1" applyFill="1" applyBorder="1" applyAlignment="1">
      <alignment horizontal="left" vertical="center"/>
    </xf>
    <xf numFmtId="43" fontId="4" fillId="3" borderId="8" xfId="1" applyNumberFormat="1" applyFont="1" applyFill="1" applyBorder="1" applyAlignment="1">
      <alignment vertical="center"/>
    </xf>
    <xf numFmtId="43" fontId="5" fillId="3" borderId="8" xfId="1" applyNumberFormat="1" applyFont="1" applyFill="1" applyBorder="1" applyAlignment="1">
      <alignment vertical="center"/>
    </xf>
    <xf numFmtId="43" fontId="5" fillId="0" borderId="5" xfId="1" applyNumberFormat="1" applyFont="1" applyFill="1" applyBorder="1" applyAlignment="1">
      <alignment vertical="center"/>
    </xf>
    <xf numFmtId="0" fontId="4" fillId="0" borderId="0" xfId="0" applyFont="1" applyFill="1" applyBorder="1" applyAlignment="1">
      <alignment horizontal="center" vertical="center"/>
    </xf>
    <xf numFmtId="0" fontId="5" fillId="0" borderId="0" xfId="0" applyFont="1" applyFill="1" applyBorder="1" applyAlignment="1">
      <alignment horizontal="center" vertical="center"/>
    </xf>
    <xf numFmtId="165" fontId="4" fillId="0" borderId="8" xfId="0" applyNumberFormat="1" applyFont="1" applyFill="1" applyBorder="1" applyAlignment="1">
      <alignment horizontal="center" vertical="center"/>
    </xf>
    <xf numFmtId="43" fontId="19" fillId="0" borderId="0" xfId="0" applyNumberFormat="1" applyFont="1" applyFill="1" applyBorder="1" applyAlignment="1">
      <alignment vertical="center"/>
    </xf>
    <xf numFmtId="0" fontId="4" fillId="0" borderId="0" xfId="0" applyFont="1" applyBorder="1"/>
    <xf numFmtId="165" fontId="4" fillId="0" borderId="11" xfId="0" applyNumberFormat="1" applyFont="1" applyFill="1" applyBorder="1" applyAlignment="1">
      <alignment horizontal="center" vertical="center"/>
    </xf>
    <xf numFmtId="165" fontId="5" fillId="0" borderId="2" xfId="3" applyNumberFormat="1" applyFont="1" applyFill="1" applyBorder="1" applyAlignment="1">
      <alignment horizontal="center" vertical="center" wrapText="1"/>
    </xf>
    <xf numFmtId="165" fontId="5" fillId="0" borderId="2" xfId="0" applyNumberFormat="1" applyFont="1" applyFill="1" applyBorder="1" applyAlignment="1">
      <alignment vertical="center"/>
    </xf>
    <xf numFmtId="165" fontId="4" fillId="0" borderId="2" xfId="3" applyNumberFormat="1" applyFont="1" applyFill="1" applyBorder="1" applyAlignment="1">
      <alignment horizontal="center" vertical="center" wrapText="1"/>
    </xf>
    <xf numFmtId="165" fontId="4" fillId="0" borderId="0" xfId="3" applyNumberFormat="1" applyFont="1" applyFill="1" applyBorder="1" applyAlignment="1">
      <alignment horizontal="center" vertical="center" wrapText="1"/>
    </xf>
    <xf numFmtId="165" fontId="5" fillId="2" borderId="15" xfId="3" applyNumberFormat="1" applyFont="1" applyFill="1" applyBorder="1" applyAlignment="1">
      <alignment horizontal="center" vertical="center" wrapText="1"/>
    </xf>
    <xf numFmtId="43" fontId="5" fillId="2" borderId="15" xfId="5" applyNumberFormat="1" applyFont="1" applyFill="1" applyBorder="1" applyAlignment="1">
      <alignment horizontal="left" vertical="center"/>
    </xf>
    <xf numFmtId="43" fontId="4" fillId="0" borderId="4" xfId="0" applyNumberFormat="1" applyFont="1" applyFill="1" applyBorder="1" applyAlignment="1">
      <alignment vertical="center"/>
    </xf>
    <xf numFmtId="165" fontId="5" fillId="0" borderId="14" xfId="0" applyNumberFormat="1" applyFont="1" applyFill="1" applyBorder="1" applyAlignment="1">
      <alignment vertical="center"/>
    </xf>
    <xf numFmtId="165" fontId="4" fillId="0" borderId="0" xfId="0" applyNumberFormat="1" applyFont="1" applyFill="1" applyBorder="1" applyAlignment="1">
      <alignment vertical="center"/>
    </xf>
    <xf numFmtId="165" fontId="5" fillId="0" borderId="8"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8" xfId="1" applyNumberFormat="1" applyFont="1" applyFill="1" applyBorder="1" applyAlignment="1">
      <alignment vertical="center"/>
    </xf>
    <xf numFmtId="165" fontId="4" fillId="0" borderId="2" xfId="1" applyNumberFormat="1" applyFont="1" applyFill="1" applyBorder="1" applyAlignment="1">
      <alignment vertical="center"/>
    </xf>
    <xf numFmtId="165" fontId="4" fillId="0" borderId="2" xfId="1" applyNumberFormat="1" applyFont="1" applyFill="1" applyBorder="1" applyAlignment="1">
      <alignment horizontal="center" vertical="center"/>
    </xf>
    <xf numFmtId="165" fontId="5" fillId="0" borderId="1" xfId="1" applyNumberFormat="1" applyFont="1" applyFill="1" applyBorder="1" applyAlignment="1">
      <alignment horizontal="center" vertical="center" wrapText="1"/>
    </xf>
    <xf numFmtId="43" fontId="4" fillId="0" borderId="6" xfId="1" applyNumberFormat="1" applyFont="1" applyFill="1" applyBorder="1" applyAlignment="1">
      <alignment vertical="center" wrapText="1"/>
    </xf>
    <xf numFmtId="43" fontId="4" fillId="0" borderId="14" xfId="1" applyNumberFormat="1" applyFont="1" applyFill="1" applyBorder="1" applyAlignment="1">
      <alignment vertical="center"/>
    </xf>
    <xf numFmtId="43" fontId="4" fillId="0" borderId="6" xfId="1" applyNumberFormat="1" applyFont="1" applyFill="1" applyBorder="1" applyAlignment="1">
      <alignment vertical="center"/>
    </xf>
    <xf numFmtId="43" fontId="4" fillId="0" borderId="3" xfId="1" applyNumberFormat="1" applyFont="1" applyFill="1" applyBorder="1" applyAlignment="1">
      <alignment vertical="center" wrapText="1"/>
    </xf>
    <xf numFmtId="43" fontId="4" fillId="0" borderId="3" xfId="1" applyNumberFormat="1" applyFont="1" applyFill="1" applyBorder="1" applyAlignment="1">
      <alignment vertical="center"/>
    </xf>
    <xf numFmtId="43" fontId="5" fillId="0" borderId="0" xfId="5" applyFont="1" applyFill="1" applyBorder="1" applyAlignment="1">
      <alignment horizontal="center" vertical="center"/>
    </xf>
    <xf numFmtId="165" fontId="5" fillId="2" borderId="10" xfId="5"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4" fillId="0" borderId="8" xfId="5" applyNumberFormat="1" applyFont="1" applyFill="1" applyBorder="1" applyAlignment="1">
      <alignment horizontal="right" vertical="center"/>
    </xf>
    <xf numFmtId="165" fontId="4" fillId="0" borderId="8" xfId="5" quotePrefix="1" applyNumberFormat="1" applyFont="1" applyFill="1" applyBorder="1" applyAlignment="1">
      <alignment horizontal="right" vertical="center"/>
    </xf>
    <xf numFmtId="165" fontId="5" fillId="0" borderId="11" xfId="5" applyNumberFormat="1" applyFont="1" applyFill="1" applyBorder="1" applyAlignment="1">
      <alignment horizontal="right" vertical="center"/>
    </xf>
    <xf numFmtId="43" fontId="5" fillId="0" borderId="0" xfId="5" applyFont="1" applyFill="1" applyBorder="1" applyAlignment="1">
      <alignment vertical="center" wrapText="1"/>
    </xf>
    <xf numFmtId="43" fontId="4" fillId="0" borderId="0" xfId="5" applyFont="1" applyFill="1" applyBorder="1" applyAlignment="1">
      <alignment vertical="center" wrapText="1"/>
    </xf>
    <xf numFmtId="43" fontId="5" fillId="4" borderId="5" xfId="5" applyFont="1" applyFill="1" applyBorder="1" applyAlignment="1">
      <alignment vertical="center"/>
    </xf>
    <xf numFmtId="165" fontId="5" fillId="2" borderId="10" xfId="5"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165" fontId="4" fillId="0" borderId="10" xfId="5" applyNumberFormat="1" applyFont="1" applyFill="1" applyBorder="1" applyAlignment="1">
      <alignment horizontal="right" vertical="center"/>
    </xf>
    <xf numFmtId="165" fontId="4" fillId="0" borderId="9" xfId="5" applyNumberFormat="1" applyFont="1" applyFill="1" applyBorder="1" applyAlignment="1">
      <alignment horizontal="right" vertical="center"/>
    </xf>
    <xf numFmtId="43" fontId="4" fillId="0" borderId="8" xfId="5" applyFont="1" applyFill="1" applyBorder="1" applyAlignment="1">
      <alignment horizontal="center" vertical="center"/>
    </xf>
    <xf numFmtId="43" fontId="4" fillId="0" borderId="0" xfId="5"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43" fontId="5" fillId="0" borderId="11" xfId="5" applyFont="1" applyFill="1" applyBorder="1" applyAlignment="1">
      <alignment horizontal="center" vertical="center"/>
    </xf>
    <xf numFmtId="43" fontId="5" fillId="0" borderId="4" xfId="5" applyFont="1" applyFill="1" applyBorder="1" applyAlignment="1">
      <alignment horizontal="center" vertical="center"/>
    </xf>
    <xf numFmtId="0" fontId="5" fillId="2" borderId="5" xfId="0"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22" fontId="4" fillId="0" borderId="0" xfId="0" applyNumberFormat="1" applyFont="1" applyFill="1" applyBorder="1" applyAlignment="1">
      <alignment horizontal="right" vertical="center"/>
    </xf>
    <xf numFmtId="43" fontId="5" fillId="0" borderId="8" xfId="5" applyFont="1" applyFill="1" applyBorder="1" applyAlignment="1">
      <alignment horizontal="center" vertical="center"/>
    </xf>
    <xf numFmtId="43" fontId="5" fillId="0" borderId="0" xfId="5" applyFont="1" applyFill="1" applyBorder="1" applyAlignment="1">
      <alignment horizontal="center"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43" fontId="5" fillId="0" borderId="10" xfId="5" applyFont="1" applyFill="1" applyBorder="1" applyAlignment="1">
      <alignment horizontal="center" vertical="center"/>
    </xf>
    <xf numFmtId="43" fontId="5" fillId="0" borderId="5" xfId="5" applyFont="1" applyFill="1" applyBorder="1" applyAlignment="1">
      <alignment horizontal="center" vertical="center"/>
    </xf>
    <xf numFmtId="43" fontId="5" fillId="2" borderId="10" xfId="5" applyFont="1" applyFill="1" applyBorder="1" applyAlignment="1">
      <alignment horizontal="center" vertical="center"/>
    </xf>
    <xf numFmtId="43" fontId="5" fillId="2" borderId="5" xfId="5" applyFont="1" applyFill="1" applyBorder="1" applyAlignment="1">
      <alignment horizontal="center" vertical="center"/>
    </xf>
    <xf numFmtId="43" fontId="4" fillId="0" borderId="1" xfId="5" applyFont="1" applyFill="1" applyBorder="1" applyAlignment="1">
      <alignment horizontal="center" vertical="center"/>
    </xf>
    <xf numFmtId="43" fontId="4" fillId="0" borderId="7" xfId="5"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43" fontId="4" fillId="0" borderId="8" xfId="5" applyFont="1" applyFill="1" applyBorder="1" applyAlignment="1">
      <alignment horizontal="right" vertical="center"/>
    </xf>
    <xf numFmtId="43" fontId="4" fillId="0" borderId="3" xfId="5" applyFont="1" applyFill="1" applyBorder="1" applyAlignment="1">
      <alignment horizontal="right" vertical="center"/>
    </xf>
    <xf numFmtId="43" fontId="5" fillId="0" borderId="6" xfId="5" applyFont="1" applyFill="1" applyBorder="1" applyAlignment="1">
      <alignment horizontal="center" vertical="center"/>
    </xf>
    <xf numFmtId="43" fontId="5" fillId="0" borderId="8"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3" xfId="5" applyFont="1" applyFill="1" applyBorder="1" applyAlignment="1">
      <alignment horizontal="center" vertical="center"/>
    </xf>
    <xf numFmtId="43" fontId="4" fillId="0" borderId="3" xfId="5"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5" fillId="0" borderId="12" xfId="5" applyNumberFormat="1" applyFont="1" applyFill="1" applyBorder="1" applyAlignment="1">
      <alignment horizontal="center" vertical="center"/>
    </xf>
    <xf numFmtId="43" fontId="5" fillId="0" borderId="1" xfId="5" applyFont="1" applyFill="1" applyBorder="1" applyAlignment="1">
      <alignment horizontal="center" vertical="center"/>
    </xf>
    <xf numFmtId="43" fontId="5" fillId="0" borderId="7" xfId="5" applyFont="1" applyFill="1" applyBorder="1" applyAlignment="1">
      <alignment horizontal="center" vertical="center"/>
    </xf>
    <xf numFmtId="43" fontId="4" fillId="0" borderId="10" xfId="5" applyFont="1" applyFill="1" applyBorder="1" applyAlignment="1">
      <alignment horizontal="center" vertical="center"/>
    </xf>
    <xf numFmtId="43" fontId="4" fillId="0" borderId="5" xfId="5"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0" borderId="0" xfId="0" applyNumberFormat="1" applyFont="1" applyFill="1" applyAlignment="1">
      <alignment horizontal="center" vertical="center"/>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8" xfId="0" applyNumberFormat="1" applyFont="1" applyFill="1" applyBorder="1" applyAlignment="1">
      <alignment horizontal="center"/>
    </xf>
    <xf numFmtId="49" fontId="5" fillId="2" borderId="6" xfId="0" applyNumberFormat="1" applyFont="1" applyFill="1" applyBorder="1" applyAlignment="1">
      <alignment horizontal="center"/>
    </xf>
    <xf numFmtId="165" fontId="4" fillId="0" borderId="8"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0" fontId="4" fillId="0" borderId="0" xfId="1" applyNumberFormat="1" applyFont="1" applyFill="1" applyBorder="1" applyAlignment="1">
      <alignment horizontal="center" vertical="center" wrapText="1"/>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0" fontId="4" fillId="0" borderId="4" xfId="0" applyFont="1" applyFill="1" applyBorder="1" applyAlignment="1">
      <alignment horizontal="left" vertical="center" wrapText="1"/>
    </xf>
    <xf numFmtId="43" fontId="4" fillId="0" borderId="1" xfId="5" applyFont="1" applyBorder="1" applyAlignment="1">
      <alignment horizontal="center" vertical="center" wrapText="1"/>
    </xf>
    <xf numFmtId="43" fontId="4" fillId="0" borderId="7" xfId="5" applyFont="1" applyBorder="1" applyAlignment="1">
      <alignment horizontal="center" vertical="center" wrapText="1"/>
    </xf>
    <xf numFmtId="43" fontId="4" fillId="0" borderId="8" xfId="5" applyFont="1" applyBorder="1" applyAlignment="1">
      <alignment horizontal="center" vertical="center" wrapText="1"/>
    </xf>
    <xf numFmtId="43" fontId="4" fillId="0" borderId="3" xfId="5" applyFont="1" applyBorder="1" applyAlignment="1">
      <alignment horizontal="center" vertical="center" wrapText="1"/>
    </xf>
    <xf numFmtId="43" fontId="5" fillId="0" borderId="8" xfId="5" applyFont="1" applyBorder="1" applyAlignment="1">
      <alignment horizontal="center" vertical="center" wrapText="1"/>
    </xf>
    <xf numFmtId="43" fontId="5" fillId="0" borderId="3" xfId="5" applyFont="1" applyBorder="1" applyAlignment="1">
      <alignment horizontal="center" vertical="center" wrapText="1"/>
    </xf>
    <xf numFmtId="43" fontId="4" fillId="0" borderId="12" xfId="5" applyFont="1" applyBorder="1" applyAlignment="1">
      <alignment horizontal="center" vertical="center" wrapText="1"/>
    </xf>
    <xf numFmtId="43" fontId="4" fillId="0" borderId="12" xfId="5" applyFont="1" applyFill="1" applyBorder="1" applyAlignment="1">
      <alignment horizontal="center" vertical="center"/>
    </xf>
    <xf numFmtId="43" fontId="4" fillId="0" borderId="0" xfId="5" applyFont="1" applyBorder="1" applyAlignment="1">
      <alignment horizontal="center" vertical="center" wrapText="1"/>
    </xf>
    <xf numFmtId="43" fontId="5" fillId="0" borderId="0" xfId="5" applyFont="1" applyBorder="1" applyAlignment="1">
      <alignment horizontal="center" vertical="center" wrapText="1"/>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0" fontId="5" fillId="2" borderId="2" xfId="0" applyFont="1" applyFill="1" applyBorder="1" applyAlignment="1">
      <alignment horizontal="center" vertical="center"/>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0" fontId="5" fillId="2" borderId="8"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0" xfId="0" applyFont="1" applyFill="1" applyBorder="1" applyAlignment="1">
      <alignment horizontal="center" vertical="center"/>
    </xf>
    <xf numFmtId="43" fontId="5" fillId="0" borderId="11" xfId="5" applyFont="1" applyBorder="1" applyAlignment="1">
      <alignment horizontal="center" vertical="center" wrapText="1"/>
    </xf>
    <xf numFmtId="43" fontId="5" fillId="0" borderId="6" xfId="5" applyFont="1" applyBorder="1" applyAlignment="1">
      <alignment horizontal="center" vertical="center" wrapText="1"/>
    </xf>
    <xf numFmtId="43" fontId="5" fillId="0" borderId="4" xfId="5" applyFont="1" applyBorder="1" applyAlignment="1">
      <alignment horizontal="center" vertical="center" wrapText="1"/>
    </xf>
    <xf numFmtId="43" fontId="5" fillId="2" borderId="9" xfId="5" applyFont="1" applyFill="1" applyBorder="1" applyAlignment="1">
      <alignment horizontal="center" vertical="center"/>
    </xf>
    <xf numFmtId="0" fontId="5" fillId="2" borderId="6"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0" fontId="5" fillId="2" borderId="4" xfId="0" applyFont="1" applyFill="1" applyBorder="1" applyAlignment="1">
      <alignment horizontal="center"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0" fontId="5" fillId="2" borderId="11" xfId="0" applyFont="1" applyFill="1" applyBorder="1" applyAlignment="1">
      <alignment horizontal="center" vertical="center" wrapText="1"/>
    </xf>
    <xf numFmtId="43" fontId="4" fillId="0" borderId="11" xfId="5" applyFont="1" applyBorder="1" applyAlignment="1">
      <alignment horizontal="center" vertical="center" wrapText="1"/>
    </xf>
    <xf numFmtId="43" fontId="4" fillId="0" borderId="4" xfId="5" applyFont="1" applyBorder="1" applyAlignment="1">
      <alignment horizontal="center" vertical="center" wrapText="1"/>
    </xf>
    <xf numFmtId="43" fontId="4" fillId="0" borderId="6" xfId="5" applyFont="1" applyBorder="1" applyAlignment="1">
      <alignment horizontal="center" vertical="center" wrapText="1"/>
    </xf>
    <xf numFmtId="0" fontId="5" fillId="2" borderId="11" xfId="0" applyFont="1" applyFill="1" applyBorder="1" applyAlignment="1">
      <alignment horizontal="center"/>
    </xf>
    <xf numFmtId="0" fontId="5" fillId="2" borderId="6" xfId="0" applyFont="1" applyFill="1" applyBorder="1" applyAlignment="1">
      <alignment horizontal="center"/>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43" fontId="5" fillId="0" borderId="12" xfId="5" applyFont="1" applyFill="1" applyBorder="1" applyAlignment="1">
      <alignment horizontal="center" vertical="center"/>
    </xf>
    <xf numFmtId="49" fontId="4" fillId="0" borderId="0" xfId="0" applyNumberFormat="1" applyFont="1" applyFill="1" applyBorder="1" applyAlignment="1">
      <alignment horizontal="right" vertical="center"/>
    </xf>
    <xf numFmtId="0" fontId="5" fillId="2" borderId="7" xfId="0" applyFont="1" applyFill="1" applyBorder="1" applyAlignment="1">
      <alignment horizontal="center" vertical="center"/>
    </xf>
    <xf numFmtId="43" fontId="4" fillId="0" borderId="11" xfId="5" applyFont="1" applyFill="1" applyBorder="1" applyAlignment="1">
      <alignment horizontal="center" vertical="center"/>
    </xf>
    <xf numFmtId="43" fontId="4" fillId="0" borderId="6" xfId="5" applyFont="1" applyFill="1" applyBorder="1" applyAlignment="1">
      <alignment horizontal="center" vertical="center"/>
    </xf>
    <xf numFmtId="165" fontId="5" fillId="2" borderId="10" xfId="0" applyNumberFormat="1" applyFont="1" applyFill="1" applyBorder="1" applyAlignment="1">
      <alignment horizontal="right" vertical="center" wrapText="1"/>
    </xf>
    <xf numFmtId="165" fontId="5" fillId="2" borderId="5" xfId="0" applyNumberFormat="1" applyFont="1" applyFill="1" applyBorder="1" applyAlignment="1">
      <alignment horizontal="right"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9"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43" fontId="5" fillId="0" borderId="11"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4" xfId="5" applyFont="1" applyFill="1" applyBorder="1" applyAlignment="1">
      <alignment horizontal="right" vertical="center"/>
    </xf>
    <xf numFmtId="43" fontId="4" fillId="0" borderId="0" xfId="5" applyFont="1" applyFill="1" applyBorder="1" applyAlignment="1">
      <alignment horizontal="right" vertical="center"/>
    </xf>
    <xf numFmtId="43" fontId="5" fillId="0" borderId="0" xfId="5" applyFont="1" applyFill="1" applyBorder="1" applyAlignment="1">
      <alignment horizontal="right" vertical="center"/>
    </xf>
    <xf numFmtId="165" fontId="5" fillId="2" borderId="10" xfId="5" applyNumberFormat="1" applyFont="1" applyFill="1" applyBorder="1" applyAlignment="1">
      <alignment horizontal="right" vertical="center"/>
    </xf>
    <xf numFmtId="165" fontId="5" fillId="2" borderId="9"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2" borderId="5" xfId="0" applyNumberFormat="1" applyFont="1" applyFill="1" applyBorder="1" applyAlignment="1">
      <alignment horizontal="right" vertical="center"/>
    </xf>
    <xf numFmtId="165" fontId="5" fillId="2" borderId="9"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3"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5" fillId="0" borderId="10" xfId="0" applyNumberFormat="1" applyFont="1" applyFill="1" applyBorder="1" applyAlignment="1">
      <alignment horizontal="right" vertical="center"/>
    </xf>
    <xf numFmtId="165" fontId="5" fillId="0" borderId="5" xfId="0" applyNumberFormat="1" applyFont="1" applyFill="1" applyBorder="1" applyAlignment="1">
      <alignment horizontal="right"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165" fontId="4" fillId="0" borderId="0" xfId="5" applyNumberFormat="1" applyFont="1" applyFill="1" applyBorder="1" applyAlignment="1">
      <alignment horizontal="center" vertical="center"/>
    </xf>
    <xf numFmtId="165" fontId="4" fillId="0" borderId="8" xfId="5" applyNumberFormat="1" applyFont="1" applyFill="1" applyBorder="1" applyAlignment="1">
      <alignment horizontal="right" vertical="center"/>
    </xf>
    <xf numFmtId="165" fontId="4" fillId="0" borderId="3" xfId="5" applyNumberFormat="1" applyFont="1" applyFill="1" applyBorder="1" applyAlignment="1">
      <alignment horizontal="right" vertical="center"/>
    </xf>
    <xf numFmtId="165" fontId="4" fillId="0" borderId="8" xfId="5" quotePrefix="1" applyNumberFormat="1" applyFont="1" applyFill="1" applyBorder="1" applyAlignment="1">
      <alignment horizontal="right" vertical="center"/>
    </xf>
    <xf numFmtId="0" fontId="5" fillId="2" borderId="13" xfId="0" applyNumberFormat="1" applyFont="1" applyFill="1" applyBorder="1" applyAlignment="1">
      <alignment horizontal="center" vertical="center"/>
    </xf>
    <xf numFmtId="165" fontId="5" fillId="0" borderId="11" xfId="5" applyNumberFormat="1" applyFont="1" applyFill="1" applyBorder="1" applyAlignment="1">
      <alignment horizontal="right" vertical="center"/>
    </xf>
    <xf numFmtId="165" fontId="5" fillId="0" borderId="6" xfId="5" applyNumberFormat="1" applyFont="1" applyFill="1" applyBorder="1" applyAlignment="1">
      <alignment horizontal="right" vertical="center"/>
    </xf>
    <xf numFmtId="165" fontId="5" fillId="0" borderId="4" xfId="5" applyNumberFormat="1" applyFont="1" applyFill="1" applyBorder="1" applyAlignment="1">
      <alignment horizontal="center" vertical="center"/>
    </xf>
    <xf numFmtId="165" fontId="5" fillId="0" borderId="0" xfId="5" applyNumberFormat="1" applyFont="1" applyFill="1" applyBorder="1" applyAlignment="1">
      <alignment horizontal="center" vertical="center"/>
    </xf>
    <xf numFmtId="165" fontId="5" fillId="2" borderId="5" xfId="5" applyNumberFormat="1" applyFont="1" applyFill="1" applyBorder="1" applyAlignment="1">
      <alignment horizontal="center"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10" xfId="1" applyFont="1" applyFill="1" applyBorder="1" applyAlignment="1">
      <alignment horizontal="center" vertical="center"/>
    </xf>
    <xf numFmtId="0" fontId="5" fillId="2" borderId="9" xfId="1" applyFont="1" applyFill="1" applyBorder="1" applyAlignment="1">
      <alignment horizontal="center" vertical="center"/>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5" xfId="1" applyFont="1" applyFill="1" applyBorder="1" applyAlignment="1">
      <alignment horizontal="center" vertical="center"/>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43" fontId="5" fillId="0" borderId="1" xfId="1" applyNumberFormat="1" applyFont="1" applyFill="1" applyBorder="1" applyAlignment="1">
      <alignment horizontal="center" vertical="center"/>
    </xf>
    <xf numFmtId="0" fontId="5" fillId="0" borderId="12" xfId="1" applyFont="1" applyFill="1" applyBorder="1" applyAlignment="1">
      <alignment horizontal="center" vertical="center"/>
    </xf>
    <xf numFmtId="43" fontId="5" fillId="0" borderId="11" xfId="1" applyNumberFormat="1" applyFont="1" applyFill="1" applyBorder="1" applyAlignment="1">
      <alignment horizontal="center" vertical="center"/>
    </xf>
    <xf numFmtId="43" fontId="5" fillId="0" borderId="4" xfId="1" applyNumberFormat="1" applyFont="1" applyFill="1" applyBorder="1" applyAlignment="1">
      <alignment horizontal="center" vertical="center"/>
    </xf>
    <xf numFmtId="165" fontId="5" fillId="0" borderId="4" xfId="5" applyNumberFormat="1" applyFont="1" applyFill="1" applyBorder="1" applyAlignment="1">
      <alignment horizontal="right" vertical="center"/>
    </xf>
    <xf numFmtId="0" fontId="5" fillId="2" borderId="3" xfId="1" applyFont="1" applyFill="1" applyBorder="1" applyAlignment="1">
      <alignment horizontal="center" vertical="center"/>
    </xf>
    <xf numFmtId="0" fontId="5" fillId="2" borderId="12" xfId="1" applyFont="1" applyFill="1" applyBorder="1" applyAlignment="1">
      <alignment horizontal="center" vertical="center"/>
    </xf>
    <xf numFmtId="43" fontId="5" fillId="0" borderId="10" xfId="1" applyNumberFormat="1" applyFont="1" applyFill="1" applyBorder="1" applyAlignment="1">
      <alignment horizontal="center" vertical="center" wrapText="1"/>
    </xf>
    <xf numFmtId="0" fontId="5" fillId="0" borderId="9" xfId="1" applyFont="1" applyFill="1" applyBorder="1" applyAlignment="1">
      <alignment horizontal="center" vertical="center" wrapText="1"/>
    </xf>
    <xf numFmtId="0" fontId="5" fillId="2" borderId="6" xfId="1" applyFont="1" applyFill="1" applyBorder="1" applyAlignment="1">
      <alignment horizontal="center"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43" fontId="5" fillId="0" borderId="8" xfId="1" applyNumberFormat="1" applyFont="1" applyFill="1" applyBorder="1" applyAlignment="1">
      <alignment horizontal="center" vertical="center"/>
    </xf>
    <xf numFmtId="43" fontId="5" fillId="0" borderId="3" xfId="1" applyNumberFormat="1" applyFont="1" applyFill="1" applyBorder="1" applyAlignment="1">
      <alignment horizontal="center" vertical="center"/>
    </xf>
    <xf numFmtId="165" fontId="4" fillId="0" borderId="1" xfId="1" applyNumberFormat="1" applyFont="1" applyFill="1" applyBorder="1" applyAlignment="1">
      <alignment horizontal="right" vertical="center"/>
    </xf>
    <xf numFmtId="165" fontId="4" fillId="0" borderId="7" xfId="1" applyNumberFormat="1" applyFont="1" applyFill="1" applyBorder="1" applyAlignment="1">
      <alignment horizontal="right" vertical="center"/>
    </xf>
    <xf numFmtId="43" fontId="5" fillId="0" borderId="11" xfId="1" applyNumberFormat="1" applyFont="1" applyFill="1" applyBorder="1" applyAlignment="1">
      <alignment horizontal="right" vertical="center"/>
    </xf>
    <xf numFmtId="43" fontId="5" fillId="0" borderId="4" xfId="1" applyNumberFormat="1" applyFont="1" applyFill="1" applyBorder="1" applyAlignment="1">
      <alignment horizontal="right" vertical="center"/>
    </xf>
    <xf numFmtId="43" fontId="5" fillId="0" borderId="1" xfId="1" applyNumberFormat="1" applyFont="1" applyFill="1" applyBorder="1" applyAlignment="1">
      <alignment horizontal="right" vertical="center"/>
    </xf>
    <xf numFmtId="43" fontId="5" fillId="0" borderId="7" xfId="1" applyNumberFormat="1" applyFont="1" applyFill="1" applyBorder="1" applyAlignment="1">
      <alignment horizontal="right" vertical="center"/>
    </xf>
    <xf numFmtId="43" fontId="4" fillId="0" borderId="0" xfId="1" applyNumberFormat="1" applyFont="1" applyFill="1" applyBorder="1" applyAlignment="1">
      <alignment horizontal="center" vertical="center"/>
    </xf>
    <xf numFmtId="43" fontId="5" fillId="2" borderId="10" xfId="1" applyNumberFormat="1" applyFont="1" applyFill="1" applyBorder="1" applyAlignment="1">
      <alignment horizontal="right" vertical="center"/>
    </xf>
    <xf numFmtId="43" fontId="5" fillId="2" borderId="5" xfId="1" applyNumberFormat="1" applyFont="1" applyFill="1" applyBorder="1" applyAlignment="1">
      <alignment horizontal="right" vertical="center"/>
    </xf>
    <xf numFmtId="165" fontId="5" fillId="0" borderId="11" xfId="1" applyNumberFormat="1" applyFont="1" applyFill="1" applyBorder="1" applyAlignment="1">
      <alignment horizontal="center" vertical="center"/>
    </xf>
    <xf numFmtId="165" fontId="5" fillId="0" borderId="4" xfId="1" applyNumberFormat="1" applyFont="1" applyFill="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4" fillId="0" borderId="0" xfId="1" applyFont="1" applyBorder="1" applyAlignment="1">
      <alignment horizontal="left" vertical="center"/>
    </xf>
    <xf numFmtId="0" fontId="4" fillId="0" borderId="3" xfId="1" applyFont="1" applyBorder="1" applyAlignment="1">
      <alignment horizontal="left" vertical="center"/>
    </xf>
    <xf numFmtId="43" fontId="5" fillId="0" borderId="8" xfId="5" applyFont="1" applyBorder="1" applyAlignment="1">
      <alignment horizontal="right" vertical="center" wrapText="1"/>
    </xf>
    <xf numFmtId="43" fontId="5" fillId="0" borderId="3" xfId="5" applyFont="1" applyBorder="1" applyAlignment="1">
      <alignment horizontal="right" vertical="center" wrapText="1"/>
    </xf>
    <xf numFmtId="43" fontId="4" fillId="0" borderId="8" xfId="5" applyFont="1" applyBorder="1" applyAlignment="1">
      <alignment horizontal="right" vertical="center" wrapText="1"/>
    </xf>
    <xf numFmtId="43" fontId="4" fillId="0" borderId="3" xfId="5" applyFont="1" applyBorder="1" applyAlignment="1">
      <alignment horizontal="right" vertical="center" wrapText="1"/>
    </xf>
    <xf numFmtId="43" fontId="5" fillId="0" borderId="10" xfId="1" applyNumberFormat="1" applyFont="1" applyFill="1" applyBorder="1" applyAlignment="1">
      <alignment horizontal="right" vertical="center"/>
    </xf>
    <xf numFmtId="43" fontId="5" fillId="0" borderId="9" xfId="1" applyNumberFormat="1" applyFont="1" applyFill="1" applyBorder="1" applyAlignment="1">
      <alignment horizontal="right" vertical="center"/>
    </xf>
    <xf numFmtId="43" fontId="5" fillId="0" borderId="8" xfId="5" applyNumberFormat="1" applyFont="1" applyFill="1" applyBorder="1" applyAlignment="1">
      <alignment horizontal="center" vertical="center"/>
    </xf>
    <xf numFmtId="43" fontId="5" fillId="0" borderId="3" xfId="5"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165" fontId="5" fillId="0" borderId="0" xfId="5" applyNumberFormat="1" applyFont="1" applyFill="1" applyAlignment="1">
      <alignment horizontal="right" vertical="center"/>
    </xf>
    <xf numFmtId="0" fontId="5" fillId="0" borderId="0" xfId="1" applyFont="1" applyBorder="1" applyAlignment="1">
      <alignment horizontal="left" vertical="center" wrapText="1"/>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165" fontId="4" fillId="0" borderId="8" xfId="1" applyNumberFormat="1" applyFont="1" applyFill="1" applyBorder="1" applyAlignment="1">
      <alignment horizontal="right" vertical="center"/>
    </xf>
    <xf numFmtId="165" fontId="4" fillId="0" borderId="0" xfId="1" applyNumberFormat="1" applyFont="1" applyFill="1" applyBorder="1" applyAlignment="1">
      <alignment horizontal="right" vertical="center"/>
    </xf>
    <xf numFmtId="43" fontId="5" fillId="0" borderId="11" xfId="5" applyFont="1" applyBorder="1" applyAlignment="1">
      <alignment horizontal="right" vertical="center" wrapText="1"/>
    </xf>
    <xf numFmtId="43" fontId="5" fillId="0" borderId="6" xfId="5" applyFont="1" applyBorder="1" applyAlignment="1">
      <alignment horizontal="right" vertical="center" wrapText="1"/>
    </xf>
    <xf numFmtId="43" fontId="4" fillId="0" borderId="8" xfId="5" applyFont="1" applyFill="1" applyBorder="1" applyAlignment="1">
      <alignment horizontal="right" vertical="center" wrapText="1"/>
    </xf>
    <xf numFmtId="43" fontId="4" fillId="0" borderId="3" xfId="5" applyFont="1" applyFill="1" applyBorder="1" applyAlignment="1">
      <alignment horizontal="right" vertical="center" wrapText="1"/>
    </xf>
    <xf numFmtId="165" fontId="5" fillId="2" borderId="10" xfId="5" applyNumberFormat="1" applyFont="1" applyFill="1" applyBorder="1" applyAlignment="1">
      <alignment horizontal="right" vertical="center" wrapText="1"/>
    </xf>
    <xf numFmtId="165" fontId="5" fillId="2" borderId="9" xfId="5" applyNumberFormat="1" applyFont="1" applyFill="1" applyBorder="1" applyAlignment="1">
      <alignment horizontal="right" vertical="center" wrapText="1"/>
    </xf>
    <xf numFmtId="0" fontId="5" fillId="0" borderId="3" xfId="1" applyFont="1" applyBorder="1" applyAlignment="1">
      <alignment horizontal="left" vertical="center" wrapText="1"/>
    </xf>
    <xf numFmtId="0" fontId="4" fillId="0" borderId="7" xfId="1" applyFont="1" applyFill="1" applyBorder="1" applyAlignment="1">
      <alignment horizontal="left" vertical="center"/>
    </xf>
    <xf numFmtId="0" fontId="5" fillId="0" borderId="7" xfId="1" applyFont="1" applyBorder="1" applyAlignment="1">
      <alignment horizontal="left" vertical="center"/>
    </xf>
    <xf numFmtId="0" fontId="5" fillId="0" borderId="12" xfId="1" applyFont="1" applyBorder="1" applyAlignment="1">
      <alignment horizontal="left" vertical="center"/>
    </xf>
    <xf numFmtId="0" fontId="5" fillId="2" borderId="5" xfId="1" applyFont="1" applyFill="1" applyBorder="1" applyAlignment="1">
      <alignment horizontal="left" vertical="center" wrapText="1"/>
    </xf>
    <xf numFmtId="0" fontId="5" fillId="0" borderId="4" xfId="1" applyFont="1" applyBorder="1" applyAlignment="1">
      <alignment horizontal="left" vertical="center"/>
    </xf>
    <xf numFmtId="0" fontId="5" fillId="0" borderId="6" xfId="1" applyFont="1" applyBorder="1" applyAlignment="1">
      <alignment horizontal="left" vertical="center"/>
    </xf>
    <xf numFmtId="0" fontId="5" fillId="2" borderId="11"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1" xfId="1" applyFont="1" applyFill="1" applyBorder="1" applyAlignment="1">
      <alignment horizontal="center" vertical="center" wrapText="1"/>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43" fontId="5" fillId="2" borderId="15" xfId="1" applyNumberFormat="1" applyFont="1" applyFill="1" applyBorder="1" applyAlignment="1">
      <alignment horizontal="right" vertical="center"/>
    </xf>
    <xf numFmtId="0" fontId="5" fillId="0" borderId="4" xfId="1" applyFont="1" applyFill="1" applyBorder="1" applyAlignment="1">
      <alignment horizontal="left" vertical="center"/>
    </xf>
    <xf numFmtId="0" fontId="5" fillId="0" borderId="6" xfId="1" applyFont="1" applyFill="1" applyBorder="1" applyAlignment="1">
      <alignment horizontal="left" vertical="center"/>
    </xf>
    <xf numFmtId="0" fontId="4" fillId="0" borderId="0" xfId="0" applyFont="1" applyFill="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12" fillId="0" borderId="0" xfId="1" applyFont="1" applyFill="1" applyAlignment="1">
      <alignment horizontal="left" vertical="center" wrapText="1"/>
    </xf>
    <xf numFmtId="0" fontId="12"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165" fontId="5" fillId="0" borderId="1" xfId="5" applyNumberFormat="1" applyFont="1" applyFill="1" applyBorder="1" applyAlignment="1">
      <alignment horizontal="right" vertical="center"/>
    </xf>
    <xf numFmtId="165" fontId="5" fillId="0" borderId="7" xfId="5" applyNumberFormat="1" applyFont="1" applyFill="1" applyBorder="1" applyAlignment="1">
      <alignment horizontal="right" vertical="center"/>
    </xf>
    <xf numFmtId="43" fontId="4" fillId="0" borderId="1" xfId="5" applyFont="1" applyFill="1" applyBorder="1" applyAlignment="1">
      <alignment horizontal="right" vertical="center"/>
    </xf>
    <xf numFmtId="43" fontId="4" fillId="0" borderId="7" xfId="5" applyFont="1" applyFill="1" applyBorder="1" applyAlignment="1">
      <alignment horizontal="right" vertical="center"/>
    </xf>
    <xf numFmtId="43" fontId="4" fillId="0" borderId="12" xfId="5" applyFont="1" applyFill="1" applyBorder="1" applyAlignment="1">
      <alignment horizontal="right" vertical="center"/>
    </xf>
    <xf numFmtId="43" fontId="5" fillId="0" borderId="1" xfId="5" applyFont="1" applyFill="1" applyBorder="1" applyAlignment="1">
      <alignment horizontal="right" vertical="center"/>
    </xf>
    <xf numFmtId="43" fontId="5" fillId="0" borderId="7" xfId="5" applyFont="1" applyFill="1" applyBorder="1" applyAlignment="1">
      <alignment horizontal="right"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43" fontId="4" fillId="0" borderId="1" xfId="1" applyNumberFormat="1" applyFont="1" applyFill="1" applyBorder="1" applyAlignment="1">
      <alignment horizontal="center" vertical="center"/>
    </xf>
    <xf numFmtId="43" fontId="4" fillId="0" borderId="7" xfId="1" applyNumberFormat="1" applyFont="1" applyFill="1" applyBorder="1" applyAlignment="1">
      <alignment horizontal="center" vertical="center"/>
    </xf>
    <xf numFmtId="165" fontId="5" fillId="2" borderId="5" xfId="5" applyNumberFormat="1" applyFont="1" applyFill="1" applyBorder="1" applyAlignment="1">
      <alignment horizontal="right" vertical="center" wrapText="1"/>
    </xf>
    <xf numFmtId="43" fontId="5" fillId="2" borderId="10" xfId="5" applyFont="1" applyFill="1" applyBorder="1" applyAlignment="1">
      <alignment horizontal="right" vertical="center" wrapText="1"/>
    </xf>
    <xf numFmtId="43" fontId="5" fillId="2" borderId="5" xfId="5" applyFont="1" applyFill="1" applyBorder="1" applyAlignment="1">
      <alignment horizontal="right" vertical="center" wrapText="1"/>
    </xf>
    <xf numFmtId="165" fontId="5" fillId="0" borderId="0" xfId="5" applyNumberFormat="1" applyFont="1" applyFill="1" applyAlignment="1">
      <alignment horizontal="center" vertical="center"/>
    </xf>
    <xf numFmtId="43" fontId="5" fillId="2" borderId="9" xfId="1" applyNumberFormat="1" applyFont="1" applyFill="1" applyBorder="1" applyAlignment="1">
      <alignment horizontal="center" vertical="center"/>
    </xf>
    <xf numFmtId="165" fontId="5" fillId="0" borderId="6" xfId="1" applyNumberFormat="1" applyFont="1" applyFill="1" applyBorder="1" applyAlignment="1">
      <alignment horizontal="center" vertical="center"/>
    </xf>
    <xf numFmtId="0" fontId="5" fillId="2" borderId="11" xfId="1" applyFont="1" applyFill="1" applyBorder="1" applyAlignment="1">
      <alignment horizontal="center"/>
    </xf>
    <xf numFmtId="0" fontId="5" fillId="2" borderId="6" xfId="1" applyFont="1" applyFill="1" applyBorder="1" applyAlignment="1">
      <alignment horizontal="center"/>
    </xf>
    <xf numFmtId="0" fontId="5" fillId="0" borderId="0" xfId="1" applyNumberFormat="1" applyFont="1" applyFill="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0" fontId="5" fillId="2" borderId="1" xfId="1" applyFont="1" applyFill="1" applyBorder="1" applyAlignment="1">
      <alignment horizontal="center" vertical="top" wrapText="1"/>
    </xf>
    <xf numFmtId="0" fontId="5" fillId="2" borderId="7" xfId="1" applyFont="1" applyFill="1" applyBorder="1" applyAlignment="1">
      <alignment horizontal="center" vertical="top" wrapText="1"/>
    </xf>
    <xf numFmtId="0" fontId="5" fillId="2" borderId="12" xfId="1" applyFont="1" applyFill="1" applyBorder="1" applyAlignment="1">
      <alignment horizontal="center" vertical="top" wrapText="1"/>
    </xf>
    <xf numFmtId="165" fontId="5" fillId="0" borderId="10" xfId="1" applyNumberFormat="1" applyFont="1" applyBorder="1" applyAlignment="1">
      <alignment horizontal="center" vertical="center" wrapText="1"/>
    </xf>
    <xf numFmtId="165" fontId="5" fillId="0" borderId="5" xfId="1" applyNumberFormat="1" applyFont="1" applyBorder="1" applyAlignment="1">
      <alignment horizontal="center" vertical="center" wrapText="1"/>
    </xf>
    <xf numFmtId="165" fontId="5" fillId="0" borderId="9" xfId="1" applyNumberFormat="1" applyFont="1" applyBorder="1" applyAlignment="1">
      <alignment horizontal="center" vertical="center" wrapText="1"/>
    </xf>
    <xf numFmtId="0" fontId="12" fillId="0" borderId="0" xfId="0" applyFont="1" applyAlignment="1">
      <alignment horizontal="justify" vertical="center" wrapText="1"/>
    </xf>
    <xf numFmtId="0" fontId="5" fillId="2" borderId="2" xfId="1" applyFont="1" applyFill="1" applyBorder="1" applyAlignment="1">
      <alignment horizontal="center" vertical="center" wrapText="1"/>
    </xf>
    <xf numFmtId="0" fontId="5" fillId="0" borderId="0" xfId="1" applyFont="1" applyAlignment="1">
      <alignment horizontal="center" vertical="top"/>
    </xf>
    <xf numFmtId="0" fontId="5" fillId="2" borderId="10"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4" fillId="0" borderId="0" xfId="0" applyFont="1" applyAlignment="1">
      <alignment horizontal="left" vertical="center" wrapText="1"/>
    </xf>
    <xf numFmtId="0" fontId="5" fillId="0" borderId="0" xfId="0" applyFont="1" applyFill="1" applyAlignment="1">
      <alignment horizontal="center" vertical="center"/>
    </xf>
    <xf numFmtId="37" fontId="5" fillId="2" borderId="7" xfId="1" applyNumberFormat="1" applyFont="1" applyFill="1" applyBorder="1" applyAlignment="1">
      <alignment horizontal="center" vertical="center" wrapText="1"/>
    </xf>
    <xf numFmtId="37" fontId="5" fillId="2" borderId="14" xfId="1" applyNumberFormat="1" applyFont="1" applyFill="1" applyBorder="1" applyAlignment="1">
      <alignment horizontal="center" vertical="center" wrapText="1"/>
    </xf>
    <xf numFmtId="37" fontId="5" fillId="2" borderId="2" xfId="1" applyNumberFormat="1" applyFont="1" applyFill="1" applyBorder="1" applyAlignment="1">
      <alignment horizontal="center" vertical="center" wrapText="1"/>
    </xf>
    <xf numFmtId="37" fontId="5" fillId="2" borderId="13" xfId="1" applyNumberFormat="1" applyFont="1" applyFill="1" applyBorder="1" applyAlignment="1">
      <alignment horizontal="center" vertical="center" wrapText="1"/>
    </xf>
    <xf numFmtId="37" fontId="5" fillId="2" borderId="14" xfId="1" applyNumberFormat="1" applyFont="1" applyFill="1" applyBorder="1" applyAlignment="1">
      <alignment horizontal="center" wrapText="1"/>
    </xf>
    <xf numFmtId="37" fontId="5" fillId="2" borderId="2" xfId="1" applyNumberFormat="1" applyFont="1" applyFill="1" applyBorder="1" applyAlignment="1">
      <alignment horizontal="center" wrapText="1"/>
    </xf>
    <xf numFmtId="49" fontId="5" fillId="2" borderId="4" xfId="0" applyNumberFormat="1" applyFont="1" applyFill="1" applyBorder="1" applyAlignment="1">
      <alignment horizontal="center" vertical="center" wrapText="1"/>
    </xf>
    <xf numFmtId="0" fontId="5" fillId="2" borderId="11" xfId="1" applyFont="1" applyFill="1" applyBorder="1" applyAlignment="1">
      <alignment horizontal="center" wrapText="1"/>
    </xf>
    <xf numFmtId="0" fontId="5" fillId="2" borderId="4" xfId="1" applyFont="1" applyFill="1" applyBorder="1" applyAlignment="1">
      <alignment horizontal="center" wrapText="1"/>
    </xf>
    <xf numFmtId="0" fontId="5" fillId="2" borderId="6" xfId="1" applyFont="1" applyFill="1" applyBorder="1" applyAlignment="1">
      <alignment horizontal="center" wrapText="1"/>
    </xf>
    <xf numFmtId="165" fontId="5" fillId="0" borderId="1" xfId="1" applyNumberFormat="1" applyFont="1" applyFill="1" applyBorder="1" applyAlignment="1">
      <alignment horizontal="right" vertical="center" wrapText="1"/>
    </xf>
    <xf numFmtId="165" fontId="5" fillId="0" borderId="7" xfId="1" applyNumberFormat="1" applyFont="1" applyFill="1" applyBorder="1" applyAlignment="1">
      <alignment horizontal="right" vertical="center" wrapText="1"/>
    </xf>
    <xf numFmtId="165" fontId="5" fillId="0" borderId="12" xfId="1" applyNumberFormat="1" applyFont="1" applyFill="1" applyBorder="1" applyAlignment="1">
      <alignment horizontal="right" vertical="center" wrapText="1"/>
    </xf>
    <xf numFmtId="0" fontId="5" fillId="0" borderId="0" xfId="1" applyFont="1" applyFill="1" applyAlignment="1">
      <alignment horizontal="center" vertical="center"/>
    </xf>
    <xf numFmtId="165" fontId="5" fillId="0" borderId="11" xfId="1" applyNumberFormat="1" applyFont="1" applyFill="1" applyBorder="1" applyAlignment="1">
      <alignment horizontal="center" vertical="center" wrapText="1"/>
    </xf>
    <xf numFmtId="165" fontId="5" fillId="0" borderId="4" xfId="1" applyNumberFormat="1" applyFont="1" applyFill="1" applyBorder="1" applyAlignment="1">
      <alignment horizontal="center" vertical="center" wrapText="1"/>
    </xf>
    <xf numFmtId="165" fontId="5" fillId="0" borderId="6" xfId="1" applyNumberFormat="1" applyFont="1" applyFill="1" applyBorder="1" applyAlignment="1">
      <alignment horizontal="center" vertical="center" wrapText="1"/>
    </xf>
    <xf numFmtId="165" fontId="4" fillId="0" borderId="8" xfId="1" applyNumberFormat="1" applyFont="1" applyFill="1" applyBorder="1" applyAlignment="1">
      <alignment horizontal="right" vertical="center" wrapText="1"/>
    </xf>
    <xf numFmtId="165" fontId="4" fillId="0" borderId="0" xfId="1" applyNumberFormat="1" applyFont="1" applyFill="1" applyBorder="1" applyAlignment="1">
      <alignment horizontal="right" vertical="center" wrapText="1"/>
    </xf>
    <xf numFmtId="165" fontId="4" fillId="0" borderId="3" xfId="1" applyNumberFormat="1" applyFont="1" applyFill="1" applyBorder="1" applyAlignment="1">
      <alignment horizontal="right" vertical="center" wrapText="1"/>
    </xf>
    <xf numFmtId="165" fontId="4" fillId="0" borderId="1" xfId="1" applyNumberFormat="1" applyFont="1" applyFill="1" applyBorder="1" applyAlignment="1">
      <alignment horizontal="right" vertical="center" wrapText="1"/>
    </xf>
    <xf numFmtId="165" fontId="4" fillId="0" borderId="7" xfId="1" applyNumberFormat="1" applyFont="1" applyFill="1" applyBorder="1" applyAlignment="1">
      <alignment horizontal="right" vertical="center" wrapText="1"/>
    </xf>
    <xf numFmtId="165" fontId="4" fillId="0" borderId="12" xfId="1" applyNumberFormat="1" applyFont="1" applyFill="1" applyBorder="1" applyAlignment="1">
      <alignment horizontal="right" vertical="center" wrapText="1"/>
    </xf>
    <xf numFmtId="37" fontId="5" fillId="2" borderId="8" xfId="1" applyNumberFormat="1" applyFont="1" applyFill="1" applyBorder="1" applyAlignment="1">
      <alignment horizontal="center" vertical="center" wrapText="1"/>
    </xf>
    <xf numFmtId="37" fontId="5" fillId="2" borderId="1" xfId="1" applyNumberFormat="1" applyFont="1" applyFill="1" applyBorder="1" applyAlignment="1">
      <alignment horizontal="center" vertical="center" wrapText="1"/>
    </xf>
    <xf numFmtId="49" fontId="5" fillId="2" borderId="6" xfId="1" applyNumberFormat="1" applyFont="1" applyFill="1" applyBorder="1" applyAlignment="1">
      <alignment horizontal="center" vertical="center"/>
    </xf>
    <xf numFmtId="0" fontId="5" fillId="2" borderId="12" xfId="1" applyFont="1" applyFill="1" applyBorder="1" applyAlignment="1">
      <alignment vertical="center"/>
    </xf>
    <xf numFmtId="0" fontId="5" fillId="0" borderId="0" xfId="1" applyNumberFormat="1" applyFont="1" applyAlignment="1">
      <alignment horizontal="center" vertical="center" wrapText="1"/>
    </xf>
    <xf numFmtId="0" fontId="5" fillId="0" borderId="3" xfId="1" applyFont="1" applyFill="1" applyBorder="1" applyAlignment="1">
      <alignment horizontal="center" vertical="center"/>
    </xf>
    <xf numFmtId="43" fontId="5" fillId="0" borderId="0" xfId="1" applyNumberFormat="1" applyFont="1" applyFill="1" applyBorder="1" applyAlignment="1">
      <alignment horizontal="center" vertical="center"/>
    </xf>
    <xf numFmtId="43" fontId="5" fillId="0" borderId="6"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43" fontId="4" fillId="0" borderId="8" xfId="1" applyNumberFormat="1" applyFont="1" applyFill="1" applyBorder="1" applyAlignment="1">
      <alignment horizontal="center" vertical="center" wrapText="1"/>
    </xf>
    <xf numFmtId="43" fontId="4" fillId="0" borderId="3" xfId="1" applyNumberFormat="1" applyFont="1" applyFill="1" applyBorder="1" applyAlignment="1">
      <alignment horizontal="center" vertical="center" wrapText="1"/>
    </xf>
    <xf numFmtId="0" fontId="5" fillId="3" borderId="8" xfId="1" applyFont="1" applyFill="1" applyBorder="1" applyAlignment="1">
      <alignment horizontal="center" vertical="center" wrapText="1"/>
    </xf>
    <xf numFmtId="0" fontId="5" fillId="3" borderId="3" xfId="1" applyFont="1" applyFill="1" applyBorder="1" applyAlignment="1">
      <alignment horizontal="center" vertical="center" wrapText="1"/>
    </xf>
    <xf numFmtId="0" fontId="4" fillId="0" borderId="8" xfId="1" applyFont="1" applyBorder="1" applyAlignment="1">
      <alignment horizontal="center" vertical="center"/>
    </xf>
    <xf numFmtId="0" fontId="4" fillId="0" borderId="0" xfId="1" applyFont="1" applyBorder="1" applyAlignment="1">
      <alignment horizontal="center" vertical="center"/>
    </xf>
    <xf numFmtId="0" fontId="5" fillId="3" borderId="1" xfId="1" applyFont="1" applyFill="1" applyBorder="1" applyAlignment="1">
      <alignment horizontal="center" vertical="center" wrapText="1"/>
    </xf>
    <xf numFmtId="0" fontId="5" fillId="3" borderId="12" xfId="1" applyFont="1" applyFill="1" applyBorder="1" applyAlignment="1">
      <alignment horizontal="center" vertical="center" wrapText="1"/>
    </xf>
    <xf numFmtId="0" fontId="4" fillId="0" borderId="1" xfId="1" applyFont="1" applyBorder="1" applyAlignment="1">
      <alignment horizontal="center" vertical="center"/>
    </xf>
    <xf numFmtId="0" fontId="4" fillId="0" borderId="7" xfId="1" applyFont="1" applyBorder="1" applyAlignment="1">
      <alignment horizontal="center" vertical="center"/>
    </xf>
    <xf numFmtId="43" fontId="4" fillId="0" borderId="11" xfId="1" applyNumberFormat="1" applyFont="1" applyBorder="1" applyAlignment="1">
      <alignment horizontal="center" vertical="center"/>
    </xf>
    <xf numFmtId="43" fontId="4" fillId="0" borderId="4" xfId="1" applyNumberFormat="1" applyFont="1" applyBorder="1" applyAlignment="1">
      <alignment horizontal="center" vertical="center"/>
    </xf>
    <xf numFmtId="43" fontId="4" fillId="0" borderId="8" xfId="1" applyNumberFormat="1" applyFont="1" applyBorder="1" applyAlignment="1">
      <alignment horizontal="center" vertical="center"/>
    </xf>
    <xf numFmtId="43" fontId="4" fillId="0" borderId="0" xfId="1" applyNumberFormat="1" applyFont="1" applyBorder="1" applyAlignment="1">
      <alignment horizontal="center" vertical="center"/>
    </xf>
    <xf numFmtId="0" fontId="5" fillId="3" borderId="11" xfId="1" applyFont="1" applyFill="1" applyBorder="1" applyAlignment="1">
      <alignment horizontal="center" vertical="center" wrapText="1"/>
    </xf>
    <xf numFmtId="0" fontId="5" fillId="3" borderId="6" xfId="1" applyFont="1" applyFill="1" applyBorder="1" applyAlignment="1">
      <alignment horizontal="center" vertical="center" wrapText="1"/>
    </xf>
    <xf numFmtId="0" fontId="4" fillId="0" borderId="11" xfId="1" applyFont="1" applyBorder="1" applyAlignment="1">
      <alignment horizontal="center" vertical="center"/>
    </xf>
    <xf numFmtId="0" fontId="4" fillId="0" borderId="4" xfId="1" applyFont="1" applyBorder="1" applyAlignment="1">
      <alignment horizontal="center" vertical="center"/>
    </xf>
    <xf numFmtId="43" fontId="5" fillId="2" borderId="5" xfId="1" applyNumberFormat="1" applyFont="1" applyFill="1" applyBorder="1" applyAlignment="1">
      <alignment horizontal="center" vertical="center"/>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43" fontId="5" fillId="2" borderId="10" xfId="0" applyNumberFormat="1" applyFont="1" applyFill="1" applyBorder="1" applyAlignment="1">
      <alignment horizontal="right" vertical="center"/>
    </xf>
    <xf numFmtId="43" fontId="5" fillId="2" borderId="5" xfId="0" applyNumberFormat="1" applyFont="1" applyFill="1" applyBorder="1" applyAlignment="1">
      <alignment horizontal="right" vertical="center"/>
    </xf>
    <xf numFmtId="0" fontId="5" fillId="2" borderId="5" xfId="1" applyFont="1" applyFill="1" applyBorder="1" applyAlignment="1">
      <alignment vertical="center"/>
    </xf>
    <xf numFmtId="0" fontId="5" fillId="2" borderId="9" xfId="1" applyFont="1" applyFill="1" applyBorder="1" applyAlignment="1">
      <alignment horizontal="left" vertical="center" wrapText="1"/>
    </xf>
    <xf numFmtId="43" fontId="4" fillId="0" borderId="5" xfId="1" applyNumberFormat="1" applyFont="1" applyFill="1" applyBorder="1" applyAlignment="1">
      <alignment vertical="center"/>
    </xf>
    <xf numFmtId="0" fontId="5" fillId="2" borderId="7" xfId="1" applyFont="1" applyFill="1" applyBorder="1" applyAlignment="1">
      <alignment horizontal="center" vertical="top"/>
    </xf>
    <xf numFmtId="43" fontId="5" fillId="0" borderId="7" xfId="1" applyNumberFormat="1" applyFont="1" applyFill="1" applyBorder="1" applyAlignment="1">
      <alignment horizontal="center"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0" fontId="4" fillId="0" borderId="1" xfId="0" applyFont="1" applyFill="1" applyBorder="1" applyAlignment="1">
      <alignment horizontal="left" vertical="center"/>
    </xf>
    <xf numFmtId="0" fontId="4" fillId="0" borderId="7" xfId="0" applyFont="1" applyFill="1" applyBorder="1" applyAlignment="1">
      <alignment horizontal="left" vertical="center"/>
    </xf>
    <xf numFmtId="0" fontId="4" fillId="0" borderId="12" xfId="0" applyFont="1" applyFill="1" applyBorder="1" applyAlignment="1">
      <alignment horizontal="left" vertical="center"/>
    </xf>
    <xf numFmtId="164" fontId="4" fillId="0" borderId="1" xfId="0" applyNumberFormat="1" applyFont="1" applyFill="1" applyBorder="1" applyAlignment="1">
      <alignment horizontal="left" vertical="center"/>
    </xf>
    <xf numFmtId="164" fontId="4" fillId="0" borderId="7" xfId="0" applyNumberFormat="1" applyFont="1" applyFill="1" applyBorder="1" applyAlignment="1">
      <alignment horizontal="left" vertical="center"/>
    </xf>
    <xf numFmtId="0" fontId="5" fillId="0" borderId="11" xfId="0" applyFont="1" applyFill="1" applyBorder="1" applyAlignment="1">
      <alignment horizontal="left" vertical="center"/>
    </xf>
    <xf numFmtId="0" fontId="5" fillId="0" borderId="4" xfId="0" applyFont="1" applyFill="1" applyBorder="1" applyAlignment="1">
      <alignment horizontal="left" vertical="center"/>
    </xf>
    <xf numFmtId="0" fontId="5" fillId="0" borderId="6" xfId="0" applyFont="1" applyFill="1" applyBorder="1" applyAlignment="1">
      <alignment horizontal="left" vertical="center"/>
    </xf>
    <xf numFmtId="164" fontId="5" fillId="0" borderId="11" xfId="0" applyNumberFormat="1" applyFont="1" applyFill="1" applyBorder="1" applyAlignment="1">
      <alignment horizontal="left" vertical="center"/>
    </xf>
    <xf numFmtId="164" fontId="5" fillId="0" borderId="4" xfId="0" applyNumberFormat="1" applyFont="1" applyFill="1" applyBorder="1" applyAlignment="1">
      <alignment horizontal="left" vertical="center"/>
    </xf>
    <xf numFmtId="0" fontId="4" fillId="0" borderId="8" xfId="0" applyFont="1" applyFill="1" applyBorder="1" applyAlignment="1">
      <alignment horizontal="left" vertical="center"/>
    </xf>
    <xf numFmtId="0" fontId="4" fillId="0" borderId="0" xfId="0" applyFont="1" applyFill="1" applyAlignment="1">
      <alignment horizontal="left" vertical="center"/>
    </xf>
    <xf numFmtId="0" fontId="4" fillId="0" borderId="3" xfId="0" applyFont="1" applyFill="1" applyBorder="1" applyAlignment="1">
      <alignment horizontal="left" vertical="center"/>
    </xf>
    <xf numFmtId="0" fontId="4" fillId="0" borderId="0" xfId="0" applyFont="1" applyFill="1" applyBorder="1" applyAlignment="1">
      <alignment horizontal="left" vertical="center"/>
    </xf>
    <xf numFmtId="164" fontId="4" fillId="0" borderId="8" xfId="0" applyNumberFormat="1" applyFont="1" applyFill="1" applyBorder="1" applyAlignment="1">
      <alignment horizontal="left" vertical="center"/>
    </xf>
    <xf numFmtId="164" fontId="4" fillId="0" borderId="0" xfId="0" applyNumberFormat="1" applyFont="1" applyFill="1" applyBorder="1" applyAlignment="1">
      <alignment horizontal="left" vertical="center"/>
    </xf>
    <xf numFmtId="0" fontId="4" fillId="0" borderId="11" xfId="0" applyFont="1" applyFill="1" applyBorder="1" applyAlignment="1">
      <alignment horizontal="left" vertical="center"/>
    </xf>
    <xf numFmtId="0" fontId="4" fillId="0" borderId="4" xfId="0" applyFont="1" applyFill="1" applyBorder="1" applyAlignment="1">
      <alignment horizontal="left" vertical="center"/>
    </xf>
    <xf numFmtId="0" fontId="4" fillId="0" borderId="6" xfId="0" applyFont="1" applyFill="1" applyBorder="1" applyAlignment="1">
      <alignment horizontal="left" vertical="center"/>
    </xf>
    <xf numFmtId="164" fontId="4" fillId="0" borderId="11" xfId="0" applyNumberFormat="1" applyFont="1" applyFill="1" applyBorder="1" applyAlignment="1">
      <alignment horizontal="left" vertical="center"/>
    </xf>
    <xf numFmtId="164" fontId="4" fillId="0" borderId="4" xfId="0" applyNumberFormat="1" applyFont="1" applyFill="1" applyBorder="1" applyAlignment="1">
      <alignment horizontal="left" vertical="center"/>
    </xf>
    <xf numFmtId="0" fontId="5" fillId="2" borderId="10" xfId="0" applyFont="1" applyFill="1" applyBorder="1" applyAlignment="1">
      <alignment horizontal="left" vertical="center"/>
    </xf>
    <xf numFmtId="0" fontId="5" fillId="2" borderId="5" xfId="0" applyFont="1" applyFill="1" applyBorder="1" applyAlignment="1">
      <alignment horizontal="left" vertical="center"/>
    </xf>
    <xf numFmtId="0" fontId="5" fillId="2" borderId="9" xfId="0" applyFont="1" applyFill="1" applyBorder="1" applyAlignment="1">
      <alignment horizontal="left" vertical="center"/>
    </xf>
    <xf numFmtId="164" fontId="5" fillId="2" borderId="10" xfId="0" applyNumberFormat="1" applyFont="1" applyFill="1" applyBorder="1" applyAlignment="1">
      <alignment horizontal="left" vertical="center"/>
    </xf>
    <xf numFmtId="164" fontId="5" fillId="2" borderId="5" xfId="0" applyNumberFormat="1" applyFont="1" applyFill="1" applyBorder="1" applyAlignment="1">
      <alignment horizontal="left" vertical="center"/>
    </xf>
    <xf numFmtId="164"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4" fillId="0" borderId="1"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43" fontId="5" fillId="0" borderId="8" xfId="0" applyNumberFormat="1" applyFont="1" applyFill="1" applyBorder="1" applyAlignment="1">
      <alignment horizontal="center" vertical="center"/>
    </xf>
    <xf numFmtId="0" fontId="5" fillId="0" borderId="0" xfId="0" applyFont="1" applyFill="1" applyBorder="1" applyAlignment="1">
      <alignment horizontal="center" vertical="center"/>
    </xf>
    <xf numFmtId="43" fontId="4" fillId="0" borderId="11" xfId="0" applyNumberFormat="1" applyFont="1" applyFill="1" applyBorder="1" applyAlignment="1">
      <alignment horizontal="center" vertical="center" wrapText="1"/>
    </xf>
    <xf numFmtId="0" fontId="4" fillId="0" borderId="4" xfId="0" applyFont="1" applyFill="1" applyBorder="1" applyAlignment="1">
      <alignment horizontal="center" vertical="center" wrapText="1"/>
    </xf>
    <xf numFmtId="43" fontId="4" fillId="0" borderId="8" xfId="0" applyNumberFormat="1" applyFont="1" applyFill="1" applyBorder="1" applyAlignment="1">
      <alignment horizontal="center" vertical="center"/>
    </xf>
    <xf numFmtId="0" fontId="4" fillId="0" borderId="0" xfId="0" applyFont="1" applyFill="1" applyBorder="1" applyAlignment="1">
      <alignment horizontal="center" vertical="center"/>
    </xf>
    <xf numFmtId="43" fontId="4" fillId="0" borderId="11" xfId="0" applyNumberFormat="1" applyFont="1" applyFill="1" applyBorder="1" applyAlignment="1">
      <alignment horizontal="center" vertical="center"/>
    </xf>
    <xf numFmtId="43" fontId="4" fillId="0" borderId="4"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xf numFmtId="0" fontId="5" fillId="0" borderId="8" xfId="0" applyFont="1" applyFill="1" applyBorder="1" applyAlignment="1">
      <alignment horizontal="center" vertical="center"/>
    </xf>
    <xf numFmtId="0" fontId="4" fillId="0" borderId="8" xfId="0" applyFont="1" applyFill="1" applyBorder="1" applyAlignment="1">
      <alignment horizontal="center" vertical="center"/>
    </xf>
    <xf numFmtId="39" fontId="27" fillId="0" borderId="0" xfId="0" applyNumberFormat="1" applyFont="1" applyFill="1" applyBorder="1" applyAlignment="1">
      <alignment horizontal="right" vertical="center"/>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1237839</xdr:colOff>
      <xdr:row>129</xdr:row>
      <xdr:rowOff>0</xdr:rowOff>
    </xdr:from>
    <xdr:to>
      <xdr:col>1</xdr:col>
      <xdr:colOff>674759</xdr:colOff>
      <xdr:row>133</xdr:row>
      <xdr:rowOff>22225</xdr:rowOff>
    </xdr:to>
    <xdr:sp macro="" textlink="">
      <xdr:nvSpPr>
        <xdr:cNvPr id="6" name="CaixaDeTexto 5"/>
        <xdr:cNvSpPr txBox="1"/>
      </xdr:nvSpPr>
      <xdr:spPr>
        <a:xfrm>
          <a:off x="1237839" y="22374225"/>
          <a:ext cx="3265970"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504140</xdr:colOff>
      <xdr:row>129</xdr:row>
      <xdr:rowOff>0</xdr:rowOff>
    </xdr:from>
    <xdr:to>
      <xdr:col>5</xdr:col>
      <xdr:colOff>993775</xdr:colOff>
      <xdr:row>133</xdr:row>
      <xdr:rowOff>22225</xdr:rowOff>
    </xdr:to>
    <xdr:sp macro="" textlink="">
      <xdr:nvSpPr>
        <xdr:cNvPr id="7" name="CaixaDeTexto 6"/>
        <xdr:cNvSpPr txBox="1"/>
      </xdr:nvSpPr>
      <xdr:spPr>
        <a:xfrm>
          <a:off x="7182223" y="16869833"/>
          <a:ext cx="3135469" cy="6148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403915</xdr:colOff>
      <xdr:row>129</xdr:row>
      <xdr:rowOff>0</xdr:rowOff>
    </xdr:from>
    <xdr:to>
      <xdr:col>11</xdr:col>
      <xdr:colOff>382671</xdr:colOff>
      <xdr:row>133</xdr:row>
      <xdr:rowOff>62764</xdr:rowOff>
    </xdr:to>
    <xdr:sp macro="" textlink="">
      <xdr:nvSpPr>
        <xdr:cNvPr id="8" name="CaixaDeTexto 7"/>
        <xdr:cNvSpPr txBox="1"/>
      </xdr:nvSpPr>
      <xdr:spPr>
        <a:xfrm>
          <a:off x="13781248" y="16869833"/>
          <a:ext cx="3566506" cy="6554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3</xdr:col>
      <xdr:colOff>711203</xdr:colOff>
      <xdr:row>93</xdr:row>
      <xdr:rowOff>0</xdr:rowOff>
    </xdr:from>
    <xdr:to>
      <xdr:col>6</xdr:col>
      <xdr:colOff>698502</xdr:colOff>
      <xdr:row>93</xdr:row>
      <xdr:rowOff>12700</xdr:rowOff>
    </xdr:to>
    <xdr:sp macro="" textlink="">
      <xdr:nvSpPr>
        <xdr:cNvPr id="5" name="CaixaDeTexto 4"/>
        <xdr:cNvSpPr txBox="1"/>
      </xdr:nvSpPr>
      <xdr:spPr>
        <a:xfrm>
          <a:off x="6911978" y="14884400"/>
          <a:ext cx="3282949"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331449</xdr:colOff>
      <xdr:row>98</xdr:row>
      <xdr:rowOff>0</xdr:rowOff>
    </xdr:from>
    <xdr:to>
      <xdr:col>0</xdr:col>
      <xdr:colOff>2581275</xdr:colOff>
      <xdr:row>102</xdr:row>
      <xdr:rowOff>22225</xdr:rowOff>
    </xdr:to>
    <xdr:sp macro="" textlink="">
      <xdr:nvSpPr>
        <xdr:cNvPr id="7" name="CaixaDeTexto 6"/>
        <xdr:cNvSpPr txBox="1"/>
      </xdr:nvSpPr>
      <xdr:spPr>
        <a:xfrm>
          <a:off x="331449" y="14373225"/>
          <a:ext cx="22498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67590</xdr:colOff>
      <xdr:row>98</xdr:row>
      <xdr:rowOff>0</xdr:rowOff>
    </xdr:from>
    <xdr:to>
      <xdr:col>3</xdr:col>
      <xdr:colOff>304800</xdr:colOff>
      <xdr:row>102</xdr:row>
      <xdr:rowOff>22225</xdr:rowOff>
    </xdr:to>
    <xdr:sp macro="" textlink="">
      <xdr:nvSpPr>
        <xdr:cNvPr id="8" name="CaixaDeTexto 7"/>
        <xdr:cNvSpPr txBox="1"/>
      </xdr:nvSpPr>
      <xdr:spPr>
        <a:xfrm>
          <a:off x="3949015" y="14373225"/>
          <a:ext cx="26899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27761</xdr:colOff>
      <xdr:row>98</xdr:row>
      <xdr:rowOff>0</xdr:rowOff>
    </xdr:from>
    <xdr:to>
      <xdr:col>6</xdr:col>
      <xdr:colOff>1095375</xdr:colOff>
      <xdr:row>102</xdr:row>
      <xdr:rowOff>62764</xdr:rowOff>
    </xdr:to>
    <xdr:sp macro="" textlink="">
      <xdr:nvSpPr>
        <xdr:cNvPr id="9" name="CaixaDeTexto 8"/>
        <xdr:cNvSpPr txBox="1"/>
      </xdr:nvSpPr>
      <xdr:spPr>
        <a:xfrm>
          <a:off x="7704911" y="14363700"/>
          <a:ext cx="32583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45015</xdr:colOff>
      <xdr:row>191</xdr:row>
      <xdr:rowOff>0</xdr:rowOff>
    </xdr:from>
    <xdr:to>
      <xdr:col>0</xdr:col>
      <xdr:colOff>3093063</xdr:colOff>
      <xdr:row>195</xdr:row>
      <xdr:rowOff>22225</xdr:rowOff>
    </xdr:to>
    <xdr:sp macro="" textlink="">
      <xdr:nvSpPr>
        <xdr:cNvPr id="7" name="CaixaDeTexto 6"/>
        <xdr:cNvSpPr txBox="1"/>
      </xdr:nvSpPr>
      <xdr:spPr>
        <a:xfrm>
          <a:off x="745015" y="33470645"/>
          <a:ext cx="2348048"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4703852</xdr:colOff>
      <xdr:row>191</xdr:row>
      <xdr:rowOff>0</xdr:rowOff>
    </xdr:from>
    <xdr:to>
      <xdr:col>2</xdr:col>
      <xdr:colOff>644020</xdr:colOff>
      <xdr:row>195</xdr:row>
      <xdr:rowOff>22225</xdr:rowOff>
    </xdr:to>
    <xdr:sp macro="" textlink="">
      <xdr:nvSpPr>
        <xdr:cNvPr id="8" name="CaixaDeTexto 7"/>
        <xdr:cNvSpPr txBox="1"/>
      </xdr:nvSpPr>
      <xdr:spPr>
        <a:xfrm>
          <a:off x="4703852" y="33470645"/>
          <a:ext cx="2535974"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348231</xdr:colOff>
      <xdr:row>191</xdr:row>
      <xdr:rowOff>0</xdr:rowOff>
    </xdr:from>
    <xdr:to>
      <xdr:col>7</xdr:col>
      <xdr:colOff>295695</xdr:colOff>
      <xdr:row>195</xdr:row>
      <xdr:rowOff>62764</xdr:rowOff>
    </xdr:to>
    <xdr:sp macro="" textlink="">
      <xdr:nvSpPr>
        <xdr:cNvPr id="9" name="CaixaDeTexto 8"/>
        <xdr:cNvSpPr txBox="1"/>
      </xdr:nvSpPr>
      <xdr:spPr>
        <a:xfrm>
          <a:off x="9535247" y="33245323"/>
          <a:ext cx="3327303" cy="63631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249714</xdr:colOff>
      <xdr:row>39</xdr:row>
      <xdr:rowOff>0</xdr:rowOff>
    </xdr:from>
    <xdr:to>
      <xdr:col>0</xdr:col>
      <xdr:colOff>2686049</xdr:colOff>
      <xdr:row>43</xdr:row>
      <xdr:rowOff>22225</xdr:rowOff>
    </xdr:to>
    <xdr:sp macro="" textlink="">
      <xdr:nvSpPr>
        <xdr:cNvPr id="2" name="CaixaDeTexto 1"/>
        <xdr:cNvSpPr txBox="1"/>
      </xdr:nvSpPr>
      <xdr:spPr>
        <a:xfrm>
          <a:off x="249714" y="6762750"/>
          <a:ext cx="2436335"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933825</xdr:colOff>
      <xdr:row>39</xdr:row>
      <xdr:rowOff>0</xdr:rowOff>
    </xdr:from>
    <xdr:to>
      <xdr:col>2</xdr:col>
      <xdr:colOff>914400</xdr:colOff>
      <xdr:row>43</xdr:row>
      <xdr:rowOff>22225</xdr:rowOff>
    </xdr:to>
    <xdr:sp macro="" textlink="">
      <xdr:nvSpPr>
        <xdr:cNvPr id="3" name="CaixaDeTexto 2"/>
        <xdr:cNvSpPr txBox="1"/>
      </xdr:nvSpPr>
      <xdr:spPr>
        <a:xfrm>
          <a:off x="3933825" y="6496050"/>
          <a:ext cx="245745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266701</xdr:colOff>
      <xdr:row>39</xdr:row>
      <xdr:rowOff>0</xdr:rowOff>
    </xdr:from>
    <xdr:to>
      <xdr:col>5</xdr:col>
      <xdr:colOff>1495426</xdr:colOff>
      <xdr:row>43</xdr:row>
      <xdr:rowOff>62764</xdr:rowOff>
    </xdr:to>
    <xdr:sp macro="" textlink="">
      <xdr:nvSpPr>
        <xdr:cNvPr id="4" name="CaixaDeTexto 3"/>
        <xdr:cNvSpPr txBox="1"/>
      </xdr:nvSpPr>
      <xdr:spPr>
        <a:xfrm>
          <a:off x="6553201" y="6334125"/>
          <a:ext cx="3162300"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68738</xdr:colOff>
      <xdr:row>93</xdr:row>
      <xdr:rowOff>0</xdr:rowOff>
    </xdr:from>
    <xdr:to>
      <xdr:col>1</xdr:col>
      <xdr:colOff>1323975</xdr:colOff>
      <xdr:row>97</xdr:row>
      <xdr:rowOff>22225</xdr:rowOff>
    </xdr:to>
    <xdr:sp macro="" textlink="">
      <xdr:nvSpPr>
        <xdr:cNvPr id="10" name="CaixaDeTexto 9"/>
        <xdr:cNvSpPr txBox="1"/>
      </xdr:nvSpPr>
      <xdr:spPr>
        <a:xfrm>
          <a:off x="68738" y="13839825"/>
          <a:ext cx="2264887"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714500</xdr:colOff>
      <xdr:row>93</xdr:row>
      <xdr:rowOff>0</xdr:rowOff>
    </xdr:from>
    <xdr:to>
      <xdr:col>3</xdr:col>
      <xdr:colOff>657225</xdr:colOff>
      <xdr:row>97</xdr:row>
      <xdr:rowOff>22225</xdr:rowOff>
    </xdr:to>
    <xdr:sp macro="" textlink="">
      <xdr:nvSpPr>
        <xdr:cNvPr id="11" name="CaixaDeTexto 10"/>
        <xdr:cNvSpPr txBox="1"/>
      </xdr:nvSpPr>
      <xdr:spPr>
        <a:xfrm>
          <a:off x="2724150" y="13839825"/>
          <a:ext cx="2390775"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762001</xdr:colOff>
      <xdr:row>93</xdr:row>
      <xdr:rowOff>0</xdr:rowOff>
    </xdr:from>
    <xdr:to>
      <xdr:col>5</xdr:col>
      <xdr:colOff>38100</xdr:colOff>
      <xdr:row>97</xdr:row>
      <xdr:rowOff>62764</xdr:rowOff>
    </xdr:to>
    <xdr:sp macro="" textlink="">
      <xdr:nvSpPr>
        <xdr:cNvPr id="12" name="CaixaDeTexto 11"/>
        <xdr:cNvSpPr txBox="1"/>
      </xdr:nvSpPr>
      <xdr:spPr>
        <a:xfrm>
          <a:off x="5219701" y="13839825"/>
          <a:ext cx="307657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40163</xdr:colOff>
      <xdr:row>93</xdr:row>
      <xdr:rowOff>0</xdr:rowOff>
    </xdr:from>
    <xdr:to>
      <xdr:col>1</xdr:col>
      <xdr:colOff>1409700</xdr:colOff>
      <xdr:row>97</xdr:row>
      <xdr:rowOff>22225</xdr:rowOff>
    </xdr:to>
    <xdr:sp macro="" textlink="">
      <xdr:nvSpPr>
        <xdr:cNvPr id="6" name="CaixaDeTexto 5"/>
        <xdr:cNvSpPr txBox="1"/>
      </xdr:nvSpPr>
      <xdr:spPr>
        <a:xfrm>
          <a:off x="40163" y="12763500"/>
          <a:ext cx="227441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8575</xdr:colOff>
      <xdr:row>93</xdr:row>
      <xdr:rowOff>0</xdr:rowOff>
    </xdr:from>
    <xdr:to>
      <xdr:col>3</xdr:col>
      <xdr:colOff>581026</xdr:colOff>
      <xdr:row>97</xdr:row>
      <xdr:rowOff>22225</xdr:rowOff>
    </xdr:to>
    <xdr:sp macro="" textlink="">
      <xdr:nvSpPr>
        <xdr:cNvPr id="7" name="CaixaDeTexto 6"/>
        <xdr:cNvSpPr txBox="1"/>
      </xdr:nvSpPr>
      <xdr:spPr>
        <a:xfrm>
          <a:off x="2714625" y="12630150"/>
          <a:ext cx="23336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771525</xdr:colOff>
      <xdr:row>93</xdr:row>
      <xdr:rowOff>0</xdr:rowOff>
    </xdr:from>
    <xdr:to>
      <xdr:col>5</xdr:col>
      <xdr:colOff>66675</xdr:colOff>
      <xdr:row>97</xdr:row>
      <xdr:rowOff>62764</xdr:rowOff>
    </xdr:to>
    <xdr:sp macro="" textlink="">
      <xdr:nvSpPr>
        <xdr:cNvPr id="8" name="CaixaDeTexto 7"/>
        <xdr:cNvSpPr txBox="1"/>
      </xdr:nvSpPr>
      <xdr:spPr>
        <a:xfrm>
          <a:off x="5238750" y="12630150"/>
          <a:ext cx="3257550"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0</xdr:col>
      <xdr:colOff>659288</xdr:colOff>
      <xdr:row>39</xdr:row>
      <xdr:rowOff>0</xdr:rowOff>
    </xdr:from>
    <xdr:to>
      <xdr:col>0</xdr:col>
      <xdr:colOff>2981326</xdr:colOff>
      <xdr:row>43</xdr:row>
      <xdr:rowOff>22225</xdr:rowOff>
    </xdr:to>
    <xdr:sp macro="" textlink="">
      <xdr:nvSpPr>
        <xdr:cNvPr id="2" name="CaixaDeTexto 1"/>
        <xdr:cNvSpPr txBox="1"/>
      </xdr:nvSpPr>
      <xdr:spPr>
        <a:xfrm>
          <a:off x="659288" y="5867400"/>
          <a:ext cx="2322038"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590548</xdr:colOff>
      <xdr:row>39</xdr:row>
      <xdr:rowOff>0</xdr:rowOff>
    </xdr:from>
    <xdr:to>
      <xdr:col>3</xdr:col>
      <xdr:colOff>594781</xdr:colOff>
      <xdr:row>43</xdr:row>
      <xdr:rowOff>22225</xdr:rowOff>
    </xdr:to>
    <xdr:sp macro="" textlink="">
      <xdr:nvSpPr>
        <xdr:cNvPr id="3" name="CaixaDeTexto 2"/>
        <xdr:cNvSpPr txBox="1"/>
      </xdr:nvSpPr>
      <xdr:spPr>
        <a:xfrm>
          <a:off x="4362448" y="5867400"/>
          <a:ext cx="2328333"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85725</xdr:colOff>
      <xdr:row>39</xdr:row>
      <xdr:rowOff>0</xdr:rowOff>
    </xdr:from>
    <xdr:to>
      <xdr:col>7</xdr:col>
      <xdr:colOff>1099599</xdr:colOff>
      <xdr:row>43</xdr:row>
      <xdr:rowOff>62764</xdr:rowOff>
    </xdr:to>
    <xdr:sp macro="" textlink="">
      <xdr:nvSpPr>
        <xdr:cNvPr id="4" name="CaixaDeTexto 3"/>
        <xdr:cNvSpPr txBox="1"/>
      </xdr:nvSpPr>
      <xdr:spPr>
        <a:xfrm>
          <a:off x="8067675" y="5867400"/>
          <a:ext cx="3099849"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0</xdr:col>
      <xdr:colOff>531473</xdr:colOff>
      <xdr:row>130</xdr:row>
      <xdr:rowOff>0</xdr:rowOff>
    </xdr:from>
    <xdr:to>
      <xdr:col>0</xdr:col>
      <xdr:colOff>2924175</xdr:colOff>
      <xdr:row>134</xdr:row>
      <xdr:rowOff>22225</xdr:rowOff>
    </xdr:to>
    <xdr:sp macro="" textlink="">
      <xdr:nvSpPr>
        <xdr:cNvPr id="6" name="CaixaDeTexto 5"/>
        <xdr:cNvSpPr txBox="1"/>
      </xdr:nvSpPr>
      <xdr:spPr>
        <a:xfrm>
          <a:off x="531473" y="22488525"/>
          <a:ext cx="23927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43815</xdr:colOff>
      <xdr:row>130</xdr:row>
      <xdr:rowOff>0</xdr:rowOff>
    </xdr:from>
    <xdr:to>
      <xdr:col>3</xdr:col>
      <xdr:colOff>495300</xdr:colOff>
      <xdr:row>134</xdr:row>
      <xdr:rowOff>22225</xdr:rowOff>
    </xdr:to>
    <xdr:sp macro="" textlink="">
      <xdr:nvSpPr>
        <xdr:cNvPr id="7" name="CaixaDeTexto 6"/>
        <xdr:cNvSpPr txBox="1"/>
      </xdr:nvSpPr>
      <xdr:spPr>
        <a:xfrm>
          <a:off x="4653865" y="22488525"/>
          <a:ext cx="2623235"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923111</xdr:colOff>
      <xdr:row>130</xdr:row>
      <xdr:rowOff>0</xdr:rowOff>
    </xdr:from>
    <xdr:to>
      <xdr:col>7</xdr:col>
      <xdr:colOff>495300</xdr:colOff>
      <xdr:row>134</xdr:row>
      <xdr:rowOff>62764</xdr:rowOff>
    </xdr:to>
    <xdr:sp macro="" textlink="">
      <xdr:nvSpPr>
        <xdr:cNvPr id="8" name="CaixaDeTexto 7"/>
        <xdr:cNvSpPr txBox="1"/>
      </xdr:nvSpPr>
      <xdr:spPr>
        <a:xfrm>
          <a:off x="8971736" y="22488525"/>
          <a:ext cx="31821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7.xml><?xml version="1.0" encoding="utf-8"?>
<xdr:wsDr xmlns:xdr="http://schemas.openxmlformats.org/drawingml/2006/spreadsheetDrawing" xmlns:a="http://schemas.openxmlformats.org/drawingml/2006/main">
  <xdr:twoCellAnchor>
    <xdr:from>
      <xdr:col>0</xdr:col>
      <xdr:colOff>198098</xdr:colOff>
      <xdr:row>52</xdr:row>
      <xdr:rowOff>0</xdr:rowOff>
    </xdr:from>
    <xdr:to>
      <xdr:col>0</xdr:col>
      <xdr:colOff>2495550</xdr:colOff>
      <xdr:row>56</xdr:row>
      <xdr:rowOff>22225</xdr:rowOff>
    </xdr:to>
    <xdr:sp macro="" textlink="">
      <xdr:nvSpPr>
        <xdr:cNvPr id="6" name="CaixaDeTexto 5"/>
        <xdr:cNvSpPr txBox="1"/>
      </xdr:nvSpPr>
      <xdr:spPr>
        <a:xfrm>
          <a:off x="198098" y="7696200"/>
          <a:ext cx="229745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253690</xdr:colOff>
      <xdr:row>52</xdr:row>
      <xdr:rowOff>0</xdr:rowOff>
    </xdr:from>
    <xdr:to>
      <xdr:col>3</xdr:col>
      <xdr:colOff>180975</xdr:colOff>
      <xdr:row>56</xdr:row>
      <xdr:rowOff>22225</xdr:rowOff>
    </xdr:to>
    <xdr:sp macro="" textlink="">
      <xdr:nvSpPr>
        <xdr:cNvPr id="7" name="CaixaDeTexto 6"/>
        <xdr:cNvSpPr txBox="1"/>
      </xdr:nvSpPr>
      <xdr:spPr>
        <a:xfrm>
          <a:off x="3253690" y="7696200"/>
          <a:ext cx="24232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70637</xdr:colOff>
      <xdr:row>52</xdr:row>
      <xdr:rowOff>0</xdr:rowOff>
    </xdr:from>
    <xdr:to>
      <xdr:col>11</xdr:col>
      <xdr:colOff>266700</xdr:colOff>
      <xdr:row>56</xdr:row>
      <xdr:rowOff>62764</xdr:rowOff>
    </xdr:to>
    <xdr:sp macro="" textlink="">
      <xdr:nvSpPr>
        <xdr:cNvPr id="8" name="CaixaDeTexto 7"/>
        <xdr:cNvSpPr txBox="1"/>
      </xdr:nvSpPr>
      <xdr:spPr>
        <a:xfrm>
          <a:off x="6114237" y="7696200"/>
          <a:ext cx="32297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8.xml><?xml version="1.0" encoding="utf-8"?>
<xdr:wsDr xmlns:xdr="http://schemas.openxmlformats.org/drawingml/2006/spreadsheetDrawing" xmlns:a="http://schemas.openxmlformats.org/drawingml/2006/main">
  <xdr:twoCellAnchor>
    <xdr:from>
      <xdr:col>0</xdr:col>
      <xdr:colOff>312395</xdr:colOff>
      <xdr:row>101</xdr:row>
      <xdr:rowOff>0</xdr:rowOff>
    </xdr:from>
    <xdr:to>
      <xdr:col>0</xdr:col>
      <xdr:colOff>2585355</xdr:colOff>
      <xdr:row>105</xdr:row>
      <xdr:rowOff>22225</xdr:rowOff>
    </xdr:to>
    <xdr:sp macro="" textlink="">
      <xdr:nvSpPr>
        <xdr:cNvPr id="6" name="CaixaDeTexto 5"/>
        <xdr:cNvSpPr txBox="1"/>
      </xdr:nvSpPr>
      <xdr:spPr>
        <a:xfrm>
          <a:off x="312395" y="16219714"/>
          <a:ext cx="2272960"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4773</xdr:colOff>
      <xdr:row>101</xdr:row>
      <xdr:rowOff>0</xdr:rowOff>
    </xdr:from>
    <xdr:to>
      <xdr:col>4</xdr:col>
      <xdr:colOff>691100</xdr:colOff>
      <xdr:row>105</xdr:row>
      <xdr:rowOff>62764</xdr:rowOff>
    </xdr:to>
    <xdr:sp macro="" textlink="">
      <xdr:nvSpPr>
        <xdr:cNvPr id="8" name="CaixaDeTexto 7"/>
        <xdr:cNvSpPr txBox="1"/>
      </xdr:nvSpPr>
      <xdr:spPr>
        <a:xfrm>
          <a:off x="8110548" y="15630525"/>
          <a:ext cx="3115202"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4072837</xdr:colOff>
      <xdr:row>101</xdr:row>
      <xdr:rowOff>19050</xdr:rowOff>
    </xdr:from>
    <xdr:to>
      <xdr:col>1</xdr:col>
      <xdr:colOff>514347</xdr:colOff>
      <xdr:row>105</xdr:row>
      <xdr:rowOff>41275</xdr:rowOff>
    </xdr:to>
    <xdr:sp macro="" textlink="">
      <xdr:nvSpPr>
        <xdr:cNvPr id="9" name="CaixaDeTexto 8"/>
        <xdr:cNvSpPr txBox="1"/>
      </xdr:nvSpPr>
      <xdr:spPr>
        <a:xfrm>
          <a:off x="4072837" y="16238764"/>
          <a:ext cx="2619153"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73705</xdr:colOff>
      <xdr:row>100</xdr:row>
      <xdr:rowOff>0</xdr:rowOff>
    </xdr:from>
    <xdr:to>
      <xdr:col>0</xdr:col>
      <xdr:colOff>3619501</xdr:colOff>
      <xdr:row>104</xdr:row>
      <xdr:rowOff>22225</xdr:rowOff>
    </xdr:to>
    <xdr:sp macro="" textlink="">
      <xdr:nvSpPr>
        <xdr:cNvPr id="6" name="CaixaDeTexto 5"/>
        <xdr:cNvSpPr txBox="1"/>
      </xdr:nvSpPr>
      <xdr:spPr>
        <a:xfrm>
          <a:off x="973705" y="13634357"/>
          <a:ext cx="2645796"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234265</xdr:colOff>
      <xdr:row>100</xdr:row>
      <xdr:rowOff>0</xdr:rowOff>
    </xdr:from>
    <xdr:to>
      <xdr:col>5</xdr:col>
      <xdr:colOff>424543</xdr:colOff>
      <xdr:row>104</xdr:row>
      <xdr:rowOff>22225</xdr:rowOff>
    </xdr:to>
    <xdr:sp macro="" textlink="">
      <xdr:nvSpPr>
        <xdr:cNvPr id="7" name="CaixaDeTexto 6"/>
        <xdr:cNvSpPr txBox="1"/>
      </xdr:nvSpPr>
      <xdr:spPr>
        <a:xfrm>
          <a:off x="6452729" y="13634357"/>
          <a:ext cx="2517100"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7</xdr:col>
      <xdr:colOff>993322</xdr:colOff>
      <xdr:row>100</xdr:row>
      <xdr:rowOff>0</xdr:rowOff>
    </xdr:from>
    <xdr:to>
      <xdr:col>11</xdr:col>
      <xdr:colOff>219622</xdr:colOff>
      <xdr:row>104</xdr:row>
      <xdr:rowOff>62764</xdr:rowOff>
    </xdr:to>
    <xdr:sp macro="" textlink="">
      <xdr:nvSpPr>
        <xdr:cNvPr id="8" name="CaixaDeTexto 7"/>
        <xdr:cNvSpPr txBox="1"/>
      </xdr:nvSpPr>
      <xdr:spPr>
        <a:xfrm>
          <a:off x="11680372" y="13354050"/>
          <a:ext cx="333157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237839</xdr:colOff>
      <xdr:row>184</xdr:row>
      <xdr:rowOff>0</xdr:rowOff>
    </xdr:from>
    <xdr:to>
      <xdr:col>1</xdr:col>
      <xdr:colOff>674759</xdr:colOff>
      <xdr:row>188</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84</xdr:row>
      <xdr:rowOff>0</xdr:rowOff>
    </xdr:from>
    <xdr:to>
      <xdr:col>6</xdr:col>
      <xdr:colOff>152400</xdr:colOff>
      <xdr:row>188</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84</xdr:row>
      <xdr:rowOff>0</xdr:rowOff>
    </xdr:from>
    <xdr:to>
      <xdr:col>11</xdr:col>
      <xdr:colOff>541421</xdr:colOff>
      <xdr:row>188</xdr:row>
      <xdr:rowOff>62764</xdr:rowOff>
    </xdr:to>
    <xdr:sp macro="" textlink="">
      <xdr:nvSpPr>
        <xdr:cNvPr id="9" name="CaixaDeTexto 8"/>
        <xdr:cNvSpPr txBox="1"/>
      </xdr:nvSpPr>
      <xdr:spPr>
        <a:xfrm>
          <a:off x="12106965" y="25174575"/>
          <a:ext cx="3683981"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237839</xdr:colOff>
      <xdr:row>107</xdr:row>
      <xdr:rowOff>0</xdr:rowOff>
    </xdr:from>
    <xdr:to>
      <xdr:col>1</xdr:col>
      <xdr:colOff>674759</xdr:colOff>
      <xdr:row>111</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07</xdr:row>
      <xdr:rowOff>0</xdr:rowOff>
    </xdr:from>
    <xdr:to>
      <xdr:col>6</xdr:col>
      <xdr:colOff>152400</xdr:colOff>
      <xdr:row>111</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07</xdr:row>
      <xdr:rowOff>0</xdr:rowOff>
    </xdr:from>
    <xdr:to>
      <xdr:col>11</xdr:col>
      <xdr:colOff>541421</xdr:colOff>
      <xdr:row>111</xdr:row>
      <xdr:rowOff>62764</xdr:rowOff>
    </xdr:to>
    <xdr:sp macro="" textlink="">
      <xdr:nvSpPr>
        <xdr:cNvPr id="9" name="CaixaDeTexto 8"/>
        <xdr:cNvSpPr txBox="1"/>
      </xdr:nvSpPr>
      <xdr:spPr>
        <a:xfrm>
          <a:off x="11268765" y="14706600"/>
          <a:ext cx="323630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61564</xdr:colOff>
      <xdr:row>80</xdr:row>
      <xdr:rowOff>0</xdr:rowOff>
    </xdr:from>
    <xdr:to>
      <xdr:col>0</xdr:col>
      <xdr:colOff>2932184</xdr:colOff>
      <xdr:row>84</xdr:row>
      <xdr:rowOff>22225</xdr:rowOff>
    </xdr:to>
    <xdr:sp macro="" textlink="">
      <xdr:nvSpPr>
        <xdr:cNvPr id="7" name="CaixaDeTexto 6"/>
        <xdr:cNvSpPr txBox="1"/>
      </xdr:nvSpPr>
      <xdr:spPr>
        <a:xfrm>
          <a:off x="561564" y="10858500"/>
          <a:ext cx="23706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43790</xdr:colOff>
      <xdr:row>80</xdr:row>
      <xdr:rowOff>0</xdr:rowOff>
    </xdr:from>
    <xdr:to>
      <xdr:col>4</xdr:col>
      <xdr:colOff>571500</xdr:colOff>
      <xdr:row>84</xdr:row>
      <xdr:rowOff>22225</xdr:rowOff>
    </xdr:to>
    <xdr:sp macro="" textlink="">
      <xdr:nvSpPr>
        <xdr:cNvPr id="8" name="CaixaDeTexto 7"/>
        <xdr:cNvSpPr txBox="1"/>
      </xdr:nvSpPr>
      <xdr:spPr>
        <a:xfrm>
          <a:off x="4425265" y="10858500"/>
          <a:ext cx="28423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399237</xdr:colOff>
      <xdr:row>80</xdr:row>
      <xdr:rowOff>0</xdr:rowOff>
    </xdr:from>
    <xdr:to>
      <xdr:col>7</xdr:col>
      <xdr:colOff>1095375</xdr:colOff>
      <xdr:row>84</xdr:row>
      <xdr:rowOff>62764</xdr:rowOff>
    </xdr:to>
    <xdr:sp macro="" textlink="">
      <xdr:nvSpPr>
        <xdr:cNvPr id="9" name="CaixaDeTexto 8"/>
        <xdr:cNvSpPr txBox="1"/>
      </xdr:nvSpPr>
      <xdr:spPr>
        <a:xfrm>
          <a:off x="8247837" y="10858500"/>
          <a:ext cx="33059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62182</xdr:colOff>
      <xdr:row>130</xdr:row>
      <xdr:rowOff>0</xdr:rowOff>
    </xdr:from>
    <xdr:to>
      <xdr:col>0</xdr:col>
      <xdr:colOff>3207284</xdr:colOff>
      <xdr:row>134</xdr:row>
      <xdr:rowOff>22225</xdr:rowOff>
    </xdr:to>
    <xdr:sp macro="" textlink="">
      <xdr:nvSpPr>
        <xdr:cNvPr id="7" name="CaixaDeTexto 6"/>
        <xdr:cNvSpPr txBox="1"/>
      </xdr:nvSpPr>
      <xdr:spPr>
        <a:xfrm>
          <a:off x="662182" y="19279518"/>
          <a:ext cx="2545102" cy="5730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72395</xdr:colOff>
      <xdr:row>130</xdr:row>
      <xdr:rowOff>0</xdr:rowOff>
    </xdr:from>
    <xdr:to>
      <xdr:col>3</xdr:col>
      <xdr:colOff>1035815</xdr:colOff>
      <xdr:row>134</xdr:row>
      <xdr:rowOff>22225</xdr:rowOff>
    </xdr:to>
    <xdr:sp macro="" textlink="">
      <xdr:nvSpPr>
        <xdr:cNvPr id="8" name="CaixaDeTexto 7"/>
        <xdr:cNvSpPr txBox="1"/>
      </xdr:nvSpPr>
      <xdr:spPr>
        <a:xfrm>
          <a:off x="5725370" y="19164300"/>
          <a:ext cx="29590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1010453</xdr:colOff>
      <xdr:row>130</xdr:row>
      <xdr:rowOff>0</xdr:rowOff>
    </xdr:from>
    <xdr:to>
      <xdr:col>8</xdr:col>
      <xdr:colOff>442739</xdr:colOff>
      <xdr:row>134</xdr:row>
      <xdr:rowOff>62764</xdr:rowOff>
    </xdr:to>
    <xdr:sp macro="" textlink="">
      <xdr:nvSpPr>
        <xdr:cNvPr id="9" name="CaixaDeTexto 8"/>
        <xdr:cNvSpPr txBox="1"/>
      </xdr:nvSpPr>
      <xdr:spPr>
        <a:xfrm>
          <a:off x="11192678" y="19164300"/>
          <a:ext cx="312798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014217</xdr:colOff>
      <xdr:row>130</xdr:row>
      <xdr:rowOff>0</xdr:rowOff>
    </xdr:from>
    <xdr:to>
      <xdr:col>0</xdr:col>
      <xdr:colOff>3496109</xdr:colOff>
      <xdr:row>134</xdr:row>
      <xdr:rowOff>22225</xdr:rowOff>
    </xdr:to>
    <xdr:sp macro="" textlink="">
      <xdr:nvSpPr>
        <xdr:cNvPr id="7" name="CaixaDeTexto 6"/>
        <xdr:cNvSpPr txBox="1"/>
      </xdr:nvSpPr>
      <xdr:spPr>
        <a:xfrm>
          <a:off x="1014217" y="19169063"/>
          <a:ext cx="2481892"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65896</xdr:colOff>
      <xdr:row>130</xdr:row>
      <xdr:rowOff>0</xdr:rowOff>
    </xdr:from>
    <xdr:to>
      <xdr:col>3</xdr:col>
      <xdr:colOff>87458</xdr:colOff>
      <xdr:row>134</xdr:row>
      <xdr:rowOff>22225</xdr:rowOff>
    </xdr:to>
    <xdr:sp macro="" textlink="">
      <xdr:nvSpPr>
        <xdr:cNvPr id="8" name="CaixaDeTexto 7"/>
        <xdr:cNvSpPr txBox="1"/>
      </xdr:nvSpPr>
      <xdr:spPr>
        <a:xfrm>
          <a:off x="5618055" y="19169063"/>
          <a:ext cx="2305880"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32216</xdr:colOff>
      <xdr:row>130</xdr:row>
      <xdr:rowOff>0</xdr:rowOff>
    </xdr:from>
    <xdr:to>
      <xdr:col>8</xdr:col>
      <xdr:colOff>508721</xdr:colOff>
      <xdr:row>134</xdr:row>
      <xdr:rowOff>62764</xdr:rowOff>
    </xdr:to>
    <xdr:sp macro="" textlink="">
      <xdr:nvSpPr>
        <xdr:cNvPr id="9" name="CaixaDeTexto 8"/>
        <xdr:cNvSpPr txBox="1"/>
      </xdr:nvSpPr>
      <xdr:spPr>
        <a:xfrm>
          <a:off x="9919041" y="19431000"/>
          <a:ext cx="366750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98098</xdr:colOff>
      <xdr:row>54</xdr:row>
      <xdr:rowOff>0</xdr:rowOff>
    </xdr:from>
    <xdr:to>
      <xdr:col>0</xdr:col>
      <xdr:colOff>2667000</xdr:colOff>
      <xdr:row>58</xdr:row>
      <xdr:rowOff>22225</xdr:rowOff>
    </xdr:to>
    <xdr:sp macro="" textlink="">
      <xdr:nvSpPr>
        <xdr:cNvPr id="7" name="CaixaDeTexto 6"/>
        <xdr:cNvSpPr txBox="1"/>
      </xdr:nvSpPr>
      <xdr:spPr>
        <a:xfrm>
          <a:off x="198098" y="8458200"/>
          <a:ext cx="24689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524250</xdr:colOff>
      <xdr:row>54</xdr:row>
      <xdr:rowOff>0</xdr:rowOff>
    </xdr:from>
    <xdr:to>
      <xdr:col>2</xdr:col>
      <xdr:colOff>729565</xdr:colOff>
      <xdr:row>58</xdr:row>
      <xdr:rowOff>22225</xdr:rowOff>
    </xdr:to>
    <xdr:sp macro="" textlink="">
      <xdr:nvSpPr>
        <xdr:cNvPr id="8" name="CaixaDeTexto 7"/>
        <xdr:cNvSpPr txBox="1"/>
      </xdr:nvSpPr>
      <xdr:spPr>
        <a:xfrm>
          <a:off x="3524250" y="8458200"/>
          <a:ext cx="249169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315015</xdr:colOff>
      <xdr:row>54</xdr:row>
      <xdr:rowOff>0</xdr:rowOff>
    </xdr:from>
    <xdr:to>
      <xdr:col>6</xdr:col>
      <xdr:colOff>970046</xdr:colOff>
      <xdr:row>58</xdr:row>
      <xdr:rowOff>62764</xdr:rowOff>
    </xdr:to>
    <xdr:sp macro="" textlink="">
      <xdr:nvSpPr>
        <xdr:cNvPr id="9" name="CaixaDeTexto 8"/>
        <xdr:cNvSpPr txBox="1"/>
      </xdr:nvSpPr>
      <xdr:spPr>
        <a:xfrm>
          <a:off x="6544365" y="8458200"/>
          <a:ext cx="348395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930940</xdr:colOff>
      <xdr:row>82</xdr:row>
      <xdr:rowOff>0</xdr:rowOff>
    </xdr:from>
    <xdr:to>
      <xdr:col>0</xdr:col>
      <xdr:colOff>3285154</xdr:colOff>
      <xdr:row>86</xdr:row>
      <xdr:rowOff>22225</xdr:rowOff>
    </xdr:to>
    <xdr:sp macro="" textlink="">
      <xdr:nvSpPr>
        <xdr:cNvPr id="7" name="CaixaDeTexto 6"/>
        <xdr:cNvSpPr txBox="1"/>
      </xdr:nvSpPr>
      <xdr:spPr>
        <a:xfrm>
          <a:off x="930940" y="12411658"/>
          <a:ext cx="2354214"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024908</xdr:colOff>
      <xdr:row>82</xdr:row>
      <xdr:rowOff>0</xdr:rowOff>
    </xdr:from>
    <xdr:to>
      <xdr:col>3</xdr:col>
      <xdr:colOff>736732</xdr:colOff>
      <xdr:row>86</xdr:row>
      <xdr:rowOff>22225</xdr:rowOff>
    </xdr:to>
    <xdr:sp macro="" textlink="">
      <xdr:nvSpPr>
        <xdr:cNvPr id="8" name="CaixaDeTexto 7"/>
        <xdr:cNvSpPr txBox="1"/>
      </xdr:nvSpPr>
      <xdr:spPr>
        <a:xfrm>
          <a:off x="4983075" y="12530667"/>
          <a:ext cx="2421157" cy="61489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728955</xdr:colOff>
      <xdr:row>82</xdr:row>
      <xdr:rowOff>0</xdr:rowOff>
    </xdr:from>
    <xdr:to>
      <xdr:col>7</xdr:col>
      <xdr:colOff>394571</xdr:colOff>
      <xdr:row>86</xdr:row>
      <xdr:rowOff>62764</xdr:rowOff>
    </xdr:to>
    <xdr:sp macro="" textlink="">
      <xdr:nvSpPr>
        <xdr:cNvPr id="9" name="CaixaDeTexto 8"/>
        <xdr:cNvSpPr txBox="1"/>
      </xdr:nvSpPr>
      <xdr:spPr>
        <a:xfrm>
          <a:off x="8740538" y="12530667"/>
          <a:ext cx="3422700" cy="6554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 Id="rId9"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77.bin"/><Relationship Id="rId3" Type="http://schemas.openxmlformats.org/officeDocument/2006/relationships/printerSettings" Target="../printerSettings/printerSettings72.bin"/><Relationship Id="rId7" Type="http://schemas.openxmlformats.org/officeDocument/2006/relationships/printerSettings" Target="../printerSettings/printerSettings76.bin"/><Relationship Id="rId2" Type="http://schemas.openxmlformats.org/officeDocument/2006/relationships/printerSettings" Target="../printerSettings/printerSettings71.bin"/><Relationship Id="rId1" Type="http://schemas.openxmlformats.org/officeDocument/2006/relationships/printerSettings" Target="../printerSettings/printerSettings70.bin"/><Relationship Id="rId6" Type="http://schemas.openxmlformats.org/officeDocument/2006/relationships/printerSettings" Target="../printerSettings/printerSettings75.bin"/><Relationship Id="rId5" Type="http://schemas.openxmlformats.org/officeDocument/2006/relationships/printerSettings" Target="../printerSettings/printerSettings74.bin"/><Relationship Id="rId4" Type="http://schemas.openxmlformats.org/officeDocument/2006/relationships/printerSettings" Target="../printerSettings/printerSettings73.bin"/><Relationship Id="rId9"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85.bin"/><Relationship Id="rId3" Type="http://schemas.openxmlformats.org/officeDocument/2006/relationships/printerSettings" Target="../printerSettings/printerSettings80.bin"/><Relationship Id="rId7" Type="http://schemas.openxmlformats.org/officeDocument/2006/relationships/printerSettings" Target="../printerSettings/printerSettings84.bin"/><Relationship Id="rId2" Type="http://schemas.openxmlformats.org/officeDocument/2006/relationships/printerSettings" Target="../printerSettings/printerSettings79.bin"/><Relationship Id="rId1" Type="http://schemas.openxmlformats.org/officeDocument/2006/relationships/printerSettings" Target="../printerSettings/printerSettings78.bin"/><Relationship Id="rId6" Type="http://schemas.openxmlformats.org/officeDocument/2006/relationships/printerSettings" Target="../printerSettings/printerSettings83.bin"/><Relationship Id="rId5" Type="http://schemas.openxmlformats.org/officeDocument/2006/relationships/printerSettings" Target="../printerSettings/printerSettings82.bin"/><Relationship Id="rId4" Type="http://schemas.openxmlformats.org/officeDocument/2006/relationships/printerSettings" Target="../printerSettings/printerSettings81.bin"/><Relationship Id="rId9"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3" Type="http://schemas.openxmlformats.org/officeDocument/2006/relationships/printerSettings" Target="../printerSettings/printerSettings88.bin"/><Relationship Id="rId7" Type="http://schemas.openxmlformats.org/officeDocument/2006/relationships/drawing" Target="../drawings/drawing12.xml"/><Relationship Id="rId2" Type="http://schemas.openxmlformats.org/officeDocument/2006/relationships/printerSettings" Target="../printerSettings/printerSettings87.bin"/><Relationship Id="rId1" Type="http://schemas.openxmlformats.org/officeDocument/2006/relationships/printerSettings" Target="../printerSettings/printerSettings86.bin"/><Relationship Id="rId6" Type="http://schemas.openxmlformats.org/officeDocument/2006/relationships/printerSettings" Target="../printerSettings/printerSettings91.bin"/><Relationship Id="rId5" Type="http://schemas.openxmlformats.org/officeDocument/2006/relationships/printerSettings" Target="../printerSettings/printerSettings90.bin"/><Relationship Id="rId4" Type="http://schemas.openxmlformats.org/officeDocument/2006/relationships/printerSettings" Target="../printerSettings/printerSettings89.bin"/></Relationships>
</file>

<file path=xl/worksheets/_rels/sheet13.xml.rels><?xml version="1.0" encoding="UTF-8" standalone="yes"?>
<Relationships xmlns="http://schemas.openxmlformats.org/package/2006/relationships"><Relationship Id="rId3" Type="http://schemas.openxmlformats.org/officeDocument/2006/relationships/printerSettings" Target="../printerSettings/printerSettings94.bin"/><Relationship Id="rId7" Type="http://schemas.openxmlformats.org/officeDocument/2006/relationships/drawing" Target="../drawings/drawing13.xml"/><Relationship Id="rId2" Type="http://schemas.openxmlformats.org/officeDocument/2006/relationships/printerSettings" Target="../printerSettings/printerSettings93.bin"/><Relationship Id="rId1" Type="http://schemas.openxmlformats.org/officeDocument/2006/relationships/printerSettings" Target="../printerSettings/printerSettings92.bin"/><Relationship Id="rId6" Type="http://schemas.openxmlformats.org/officeDocument/2006/relationships/printerSettings" Target="../printerSettings/printerSettings97.bin"/><Relationship Id="rId5" Type="http://schemas.openxmlformats.org/officeDocument/2006/relationships/printerSettings" Target="../printerSettings/printerSettings96.bin"/><Relationship Id="rId4" Type="http://schemas.openxmlformats.org/officeDocument/2006/relationships/printerSettings" Target="../printerSettings/printerSettings95.bin"/></Relationships>
</file>

<file path=xl/worksheets/_rels/sheet14.xml.rels><?xml version="1.0" encoding="UTF-8" standalone="yes"?>
<Relationships xmlns="http://schemas.openxmlformats.org/package/2006/relationships"><Relationship Id="rId3" Type="http://schemas.openxmlformats.org/officeDocument/2006/relationships/printerSettings" Target="../printerSettings/printerSettings100.bin"/><Relationship Id="rId7" Type="http://schemas.openxmlformats.org/officeDocument/2006/relationships/drawing" Target="../drawings/drawing14.xml"/><Relationship Id="rId2" Type="http://schemas.openxmlformats.org/officeDocument/2006/relationships/printerSettings" Target="../printerSettings/printerSettings99.bin"/><Relationship Id="rId1" Type="http://schemas.openxmlformats.org/officeDocument/2006/relationships/printerSettings" Target="../printerSettings/printerSettings98.bin"/><Relationship Id="rId6" Type="http://schemas.openxmlformats.org/officeDocument/2006/relationships/printerSettings" Target="../printerSettings/printerSettings103.bin"/><Relationship Id="rId5" Type="http://schemas.openxmlformats.org/officeDocument/2006/relationships/printerSettings" Target="../printerSettings/printerSettings102.bin"/><Relationship Id="rId4" Type="http://schemas.openxmlformats.org/officeDocument/2006/relationships/printerSettings" Target="../printerSettings/printerSettings101.bin"/></Relationships>
</file>

<file path=xl/worksheets/_rels/sheet15.xml.rels><?xml version="1.0" encoding="UTF-8" standalone="yes"?>
<Relationships xmlns="http://schemas.openxmlformats.org/package/2006/relationships"><Relationship Id="rId3" Type="http://schemas.openxmlformats.org/officeDocument/2006/relationships/printerSettings" Target="../printerSettings/printerSettings106.bin"/><Relationship Id="rId7" Type="http://schemas.openxmlformats.org/officeDocument/2006/relationships/drawing" Target="../drawings/drawing15.xml"/><Relationship Id="rId2" Type="http://schemas.openxmlformats.org/officeDocument/2006/relationships/printerSettings" Target="../printerSettings/printerSettings105.bin"/><Relationship Id="rId1" Type="http://schemas.openxmlformats.org/officeDocument/2006/relationships/printerSettings" Target="../printerSettings/printerSettings104.bin"/><Relationship Id="rId6" Type="http://schemas.openxmlformats.org/officeDocument/2006/relationships/printerSettings" Target="../printerSettings/printerSettings109.bin"/><Relationship Id="rId5" Type="http://schemas.openxmlformats.org/officeDocument/2006/relationships/printerSettings" Target="../printerSettings/printerSettings108.bin"/><Relationship Id="rId4" Type="http://schemas.openxmlformats.org/officeDocument/2006/relationships/printerSettings" Target="../printerSettings/printerSettings107.bin"/></Relationships>
</file>

<file path=xl/worksheets/_rels/sheet16.xml.rels><?xml version="1.0" encoding="UTF-8" standalone="yes"?>
<Relationships xmlns="http://schemas.openxmlformats.org/package/2006/relationships"><Relationship Id="rId8" Type="http://schemas.openxmlformats.org/officeDocument/2006/relationships/printerSettings" Target="../printerSettings/printerSettings117.bin"/><Relationship Id="rId3" Type="http://schemas.openxmlformats.org/officeDocument/2006/relationships/printerSettings" Target="../printerSettings/printerSettings112.bin"/><Relationship Id="rId7" Type="http://schemas.openxmlformats.org/officeDocument/2006/relationships/printerSettings" Target="../printerSettings/printerSettings116.bin"/><Relationship Id="rId2" Type="http://schemas.openxmlformats.org/officeDocument/2006/relationships/printerSettings" Target="../printerSettings/printerSettings111.bin"/><Relationship Id="rId1" Type="http://schemas.openxmlformats.org/officeDocument/2006/relationships/printerSettings" Target="../printerSettings/printerSettings110.bin"/><Relationship Id="rId6" Type="http://schemas.openxmlformats.org/officeDocument/2006/relationships/printerSettings" Target="../printerSettings/printerSettings115.bin"/><Relationship Id="rId5" Type="http://schemas.openxmlformats.org/officeDocument/2006/relationships/printerSettings" Target="../printerSettings/printerSettings114.bin"/><Relationship Id="rId4" Type="http://schemas.openxmlformats.org/officeDocument/2006/relationships/printerSettings" Target="../printerSettings/printerSettings113.bin"/><Relationship Id="rId9" Type="http://schemas.openxmlformats.org/officeDocument/2006/relationships/drawing" Target="../drawings/drawing16.xml"/></Relationships>
</file>

<file path=xl/worksheets/_rels/sheet17.xml.rels><?xml version="1.0" encoding="UTF-8" standalone="yes"?>
<Relationships xmlns="http://schemas.openxmlformats.org/package/2006/relationships"><Relationship Id="rId8" Type="http://schemas.openxmlformats.org/officeDocument/2006/relationships/drawing" Target="../drawings/drawing17.xml"/><Relationship Id="rId3" Type="http://schemas.openxmlformats.org/officeDocument/2006/relationships/printerSettings" Target="../printerSettings/printerSettings120.bin"/><Relationship Id="rId7" Type="http://schemas.openxmlformats.org/officeDocument/2006/relationships/printerSettings" Target="../printerSettings/printerSettings124.bin"/><Relationship Id="rId2" Type="http://schemas.openxmlformats.org/officeDocument/2006/relationships/printerSettings" Target="../printerSettings/printerSettings119.bin"/><Relationship Id="rId1" Type="http://schemas.openxmlformats.org/officeDocument/2006/relationships/printerSettings" Target="../printerSettings/printerSettings118.bin"/><Relationship Id="rId6" Type="http://schemas.openxmlformats.org/officeDocument/2006/relationships/printerSettings" Target="../printerSettings/printerSettings123.bin"/><Relationship Id="rId5" Type="http://schemas.openxmlformats.org/officeDocument/2006/relationships/printerSettings" Target="../printerSettings/printerSettings122.bin"/><Relationship Id="rId4" Type="http://schemas.openxmlformats.org/officeDocument/2006/relationships/printerSettings" Target="../printerSettings/printerSettings121.bin"/></Relationships>
</file>

<file path=xl/worksheets/_rels/sheet18.xml.rels><?xml version="1.0" encoding="UTF-8" standalone="yes"?>
<Relationships xmlns="http://schemas.openxmlformats.org/package/2006/relationships"><Relationship Id="rId8" Type="http://schemas.openxmlformats.org/officeDocument/2006/relationships/printerSettings" Target="../printerSettings/printerSettings132.bin"/><Relationship Id="rId3" Type="http://schemas.openxmlformats.org/officeDocument/2006/relationships/printerSettings" Target="../printerSettings/printerSettings127.bin"/><Relationship Id="rId7" Type="http://schemas.openxmlformats.org/officeDocument/2006/relationships/printerSettings" Target="../printerSettings/printerSettings131.bin"/><Relationship Id="rId2" Type="http://schemas.openxmlformats.org/officeDocument/2006/relationships/printerSettings" Target="../printerSettings/printerSettings126.bin"/><Relationship Id="rId1" Type="http://schemas.openxmlformats.org/officeDocument/2006/relationships/printerSettings" Target="../printerSettings/printerSettings125.bin"/><Relationship Id="rId6" Type="http://schemas.openxmlformats.org/officeDocument/2006/relationships/printerSettings" Target="../printerSettings/printerSettings130.bin"/><Relationship Id="rId5" Type="http://schemas.openxmlformats.org/officeDocument/2006/relationships/printerSettings" Target="../printerSettings/printerSettings129.bin"/><Relationship Id="rId4" Type="http://schemas.openxmlformats.org/officeDocument/2006/relationships/printerSettings" Target="../printerSettings/printerSettings128.bin"/><Relationship Id="rId9" Type="http://schemas.openxmlformats.org/officeDocument/2006/relationships/drawing" Target="../drawings/drawing18.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11.bin"/><Relationship Id="rId7" Type="http://schemas.openxmlformats.org/officeDocument/2006/relationships/drawing" Target="../drawings/drawing2.xml"/><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 Id="rId6" Type="http://schemas.openxmlformats.org/officeDocument/2006/relationships/printerSettings" Target="../printerSettings/printerSettings14.bin"/><Relationship Id="rId5" Type="http://schemas.openxmlformats.org/officeDocument/2006/relationships/printerSettings" Target="../printerSettings/printerSettings13.bin"/><Relationship Id="rId4" Type="http://schemas.openxmlformats.org/officeDocument/2006/relationships/printerSettings" Target="../printerSettings/printerSettings12.bin"/></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2.bin"/><Relationship Id="rId3" Type="http://schemas.openxmlformats.org/officeDocument/2006/relationships/printerSettings" Target="../printerSettings/printerSettings17.bin"/><Relationship Id="rId7" Type="http://schemas.openxmlformats.org/officeDocument/2006/relationships/printerSettings" Target="../printerSettings/printerSettings21.bin"/><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 Id="rId6" Type="http://schemas.openxmlformats.org/officeDocument/2006/relationships/printerSettings" Target="../printerSettings/printerSettings20.bin"/><Relationship Id="rId5" Type="http://schemas.openxmlformats.org/officeDocument/2006/relationships/printerSettings" Target="../printerSettings/printerSettings19.bin"/><Relationship Id="rId4" Type="http://schemas.openxmlformats.org/officeDocument/2006/relationships/printerSettings" Target="../printerSettings/printerSettings18.bin"/><Relationship Id="rId9"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8" Type="http://schemas.openxmlformats.org/officeDocument/2006/relationships/drawing" Target="../drawings/drawing4.xml"/><Relationship Id="rId3" Type="http://schemas.openxmlformats.org/officeDocument/2006/relationships/printerSettings" Target="../printerSettings/printerSettings25.bin"/><Relationship Id="rId7" Type="http://schemas.openxmlformats.org/officeDocument/2006/relationships/printerSettings" Target="../printerSettings/printerSettings29.bin"/><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 Id="rId6" Type="http://schemas.openxmlformats.org/officeDocument/2006/relationships/printerSettings" Target="../printerSettings/printerSettings28.bin"/><Relationship Id="rId5" Type="http://schemas.openxmlformats.org/officeDocument/2006/relationships/printerSettings" Target="../printerSettings/printerSettings27.bin"/><Relationship Id="rId4" Type="http://schemas.openxmlformats.org/officeDocument/2006/relationships/printerSettings" Target="../printerSettings/printerSettings26.bin"/></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37.bin"/><Relationship Id="rId3" Type="http://schemas.openxmlformats.org/officeDocument/2006/relationships/printerSettings" Target="../printerSettings/printerSettings32.bin"/><Relationship Id="rId7" Type="http://schemas.openxmlformats.org/officeDocument/2006/relationships/printerSettings" Target="../printerSettings/printerSettings36.bin"/><Relationship Id="rId2" Type="http://schemas.openxmlformats.org/officeDocument/2006/relationships/printerSettings" Target="../printerSettings/printerSettings31.bin"/><Relationship Id="rId1" Type="http://schemas.openxmlformats.org/officeDocument/2006/relationships/printerSettings" Target="../printerSettings/printerSettings30.bin"/><Relationship Id="rId6" Type="http://schemas.openxmlformats.org/officeDocument/2006/relationships/printerSettings" Target="../printerSettings/printerSettings35.bin"/><Relationship Id="rId5" Type="http://schemas.openxmlformats.org/officeDocument/2006/relationships/printerSettings" Target="../printerSettings/printerSettings34.bin"/><Relationship Id="rId4" Type="http://schemas.openxmlformats.org/officeDocument/2006/relationships/printerSettings" Target="../printerSettings/printerSettings33.bin"/><Relationship Id="rId9"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45.bin"/><Relationship Id="rId3" Type="http://schemas.openxmlformats.org/officeDocument/2006/relationships/printerSettings" Target="../printerSettings/printerSettings40.bin"/><Relationship Id="rId7" Type="http://schemas.openxmlformats.org/officeDocument/2006/relationships/printerSettings" Target="../printerSettings/printerSettings44.bin"/><Relationship Id="rId2" Type="http://schemas.openxmlformats.org/officeDocument/2006/relationships/printerSettings" Target="../printerSettings/printerSettings39.bin"/><Relationship Id="rId1" Type="http://schemas.openxmlformats.org/officeDocument/2006/relationships/printerSettings" Target="../printerSettings/printerSettings38.bin"/><Relationship Id="rId6" Type="http://schemas.openxmlformats.org/officeDocument/2006/relationships/printerSettings" Target="../printerSettings/printerSettings43.bin"/><Relationship Id="rId5" Type="http://schemas.openxmlformats.org/officeDocument/2006/relationships/printerSettings" Target="../printerSettings/printerSettings42.bin"/><Relationship Id="rId4" Type="http://schemas.openxmlformats.org/officeDocument/2006/relationships/printerSettings" Target="../printerSettings/printerSettings41.bin"/><Relationship Id="rId9" Type="http://schemas.openxmlformats.org/officeDocument/2006/relationships/drawing" Target="../drawings/drawing6.xml"/></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53.bin"/><Relationship Id="rId3" Type="http://schemas.openxmlformats.org/officeDocument/2006/relationships/printerSettings" Target="../printerSettings/printerSettings48.bin"/><Relationship Id="rId7" Type="http://schemas.openxmlformats.org/officeDocument/2006/relationships/printerSettings" Target="../printerSettings/printerSettings52.bin"/><Relationship Id="rId2" Type="http://schemas.openxmlformats.org/officeDocument/2006/relationships/printerSettings" Target="../printerSettings/printerSettings47.bin"/><Relationship Id="rId1" Type="http://schemas.openxmlformats.org/officeDocument/2006/relationships/printerSettings" Target="../printerSettings/printerSettings46.bin"/><Relationship Id="rId6" Type="http://schemas.openxmlformats.org/officeDocument/2006/relationships/printerSettings" Target="../printerSettings/printerSettings51.bin"/><Relationship Id="rId5" Type="http://schemas.openxmlformats.org/officeDocument/2006/relationships/printerSettings" Target="../printerSettings/printerSettings50.bin"/><Relationship Id="rId4" Type="http://schemas.openxmlformats.org/officeDocument/2006/relationships/printerSettings" Target="../printerSettings/printerSettings49.bin"/><Relationship Id="rId9" Type="http://schemas.openxmlformats.org/officeDocument/2006/relationships/drawing" Target="../drawings/drawing7.xml"/></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61.bin"/><Relationship Id="rId3" Type="http://schemas.openxmlformats.org/officeDocument/2006/relationships/printerSettings" Target="../printerSettings/printerSettings56.bin"/><Relationship Id="rId7" Type="http://schemas.openxmlformats.org/officeDocument/2006/relationships/printerSettings" Target="../printerSettings/printerSettings60.bin"/><Relationship Id="rId2" Type="http://schemas.openxmlformats.org/officeDocument/2006/relationships/printerSettings" Target="../printerSettings/printerSettings55.bin"/><Relationship Id="rId1" Type="http://schemas.openxmlformats.org/officeDocument/2006/relationships/printerSettings" Target="../printerSettings/printerSettings54.bin"/><Relationship Id="rId6" Type="http://schemas.openxmlformats.org/officeDocument/2006/relationships/printerSettings" Target="../printerSettings/printerSettings59.bin"/><Relationship Id="rId5" Type="http://schemas.openxmlformats.org/officeDocument/2006/relationships/printerSettings" Target="../printerSettings/printerSettings58.bin"/><Relationship Id="rId4" Type="http://schemas.openxmlformats.org/officeDocument/2006/relationships/printerSettings" Target="../printerSettings/printerSettings57.bin"/><Relationship Id="rId9" Type="http://schemas.openxmlformats.org/officeDocument/2006/relationships/drawing" Target="../drawings/drawing8.xml"/></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69.bin"/><Relationship Id="rId3" Type="http://schemas.openxmlformats.org/officeDocument/2006/relationships/printerSettings" Target="../printerSettings/printerSettings64.bin"/><Relationship Id="rId7" Type="http://schemas.openxmlformats.org/officeDocument/2006/relationships/printerSettings" Target="../printerSettings/printerSettings68.bin"/><Relationship Id="rId2" Type="http://schemas.openxmlformats.org/officeDocument/2006/relationships/printerSettings" Target="../printerSettings/printerSettings63.bin"/><Relationship Id="rId1" Type="http://schemas.openxmlformats.org/officeDocument/2006/relationships/printerSettings" Target="../printerSettings/printerSettings62.bin"/><Relationship Id="rId6" Type="http://schemas.openxmlformats.org/officeDocument/2006/relationships/printerSettings" Target="../printerSettings/printerSettings67.bin"/><Relationship Id="rId5" Type="http://schemas.openxmlformats.org/officeDocument/2006/relationships/printerSettings" Target="../printerSettings/printerSettings66.bin"/><Relationship Id="rId4" Type="http://schemas.openxmlformats.org/officeDocument/2006/relationships/printerSettings" Target="../printerSettings/printerSettings65.bin"/><Relationship Id="rId9"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tabColor rgb="FF00B050"/>
    <pageSetUpPr fitToPage="1"/>
  </sheetPr>
  <dimension ref="A1:N128"/>
  <sheetViews>
    <sheetView showGridLines="0" zoomScaleNormal="100" workbookViewId="0">
      <selection activeCell="B14" sqref="B14:C14"/>
    </sheetView>
  </sheetViews>
  <sheetFormatPr defaultRowHeight="11.25" customHeight="1" x14ac:dyDescent="0.2"/>
  <cols>
    <col min="1" max="1" width="50.28515625" style="50" customWidth="1"/>
    <col min="2" max="10" width="20.28515625" style="50" customWidth="1"/>
    <col min="11" max="11" width="9.7109375" style="50" customWidth="1"/>
    <col min="12" max="12" width="20.28515625" style="50" customWidth="1"/>
    <col min="13" max="13" width="13.85546875" style="50" customWidth="1"/>
    <col min="14" max="14" width="18.5703125" style="50" customWidth="1"/>
    <col min="15" max="15" width="6.5703125" style="50" customWidth="1"/>
    <col min="16" max="17" width="15.42578125" style="50" customWidth="1"/>
    <col min="18" max="18" width="22" style="50" customWidth="1"/>
    <col min="19" max="19" width="13.42578125" style="50" customWidth="1"/>
    <col min="20" max="16384" width="9.140625" style="50"/>
  </cols>
  <sheetData>
    <row r="1" spans="1:14" s="27" customFormat="1" ht="10.5" x14ac:dyDescent="0.2">
      <c r="A1" s="524"/>
      <c r="B1" s="318"/>
      <c r="C1" s="318"/>
      <c r="D1" s="318"/>
      <c r="E1" s="318"/>
      <c r="F1" s="318"/>
      <c r="G1" s="318"/>
      <c r="H1" s="318"/>
      <c r="I1" s="318"/>
      <c r="J1" s="318"/>
      <c r="K1" s="318"/>
      <c r="L1" s="318"/>
    </row>
    <row r="2" spans="1:14" s="27" customFormat="1" ht="10.5" x14ac:dyDescent="0.2">
      <c r="A2" s="318"/>
      <c r="B2" s="318"/>
      <c r="C2" s="318"/>
      <c r="D2" s="318"/>
      <c r="E2" s="318"/>
      <c r="F2" s="318"/>
      <c r="G2" s="318"/>
      <c r="H2" s="318"/>
      <c r="I2" s="318"/>
      <c r="J2" s="318"/>
      <c r="K2" s="318"/>
      <c r="L2" s="318"/>
    </row>
    <row r="3" spans="1:14" ht="10.5" x14ac:dyDescent="0.2">
      <c r="A3" s="864" t="s">
        <v>641</v>
      </c>
      <c r="B3" s="864"/>
      <c r="C3" s="864"/>
      <c r="D3" s="864"/>
      <c r="E3" s="864"/>
      <c r="F3" s="864"/>
      <c r="G3" s="864"/>
      <c r="H3" s="864"/>
      <c r="I3" s="864"/>
      <c r="J3" s="864"/>
      <c r="K3" s="864"/>
      <c r="L3" s="864"/>
    </row>
    <row r="4" spans="1:14" ht="10.5" x14ac:dyDescent="0.2">
      <c r="A4" s="864" t="s">
        <v>105</v>
      </c>
      <c r="B4" s="864"/>
      <c r="C4" s="864"/>
      <c r="D4" s="864"/>
      <c r="E4" s="864"/>
      <c r="F4" s="864"/>
      <c r="G4" s="864"/>
      <c r="H4" s="864"/>
      <c r="I4" s="864"/>
      <c r="J4" s="864"/>
      <c r="K4" s="864"/>
      <c r="L4" s="864"/>
    </row>
    <row r="5" spans="1:14" ht="10.5" x14ac:dyDescent="0.2">
      <c r="A5" s="864" t="s">
        <v>106</v>
      </c>
      <c r="B5" s="864"/>
      <c r="C5" s="864"/>
      <c r="D5" s="864"/>
      <c r="E5" s="864"/>
      <c r="F5" s="864"/>
      <c r="G5" s="864"/>
      <c r="H5" s="864"/>
      <c r="I5" s="864"/>
      <c r="J5" s="864"/>
      <c r="K5" s="864"/>
      <c r="L5" s="864"/>
    </row>
    <row r="6" spans="1:14" ht="10.5" x14ac:dyDescent="0.2">
      <c r="A6" s="864" t="s">
        <v>107</v>
      </c>
      <c r="B6" s="864"/>
      <c r="C6" s="864"/>
      <c r="D6" s="864"/>
      <c r="E6" s="864"/>
      <c r="F6" s="864"/>
      <c r="G6" s="864"/>
      <c r="H6" s="864"/>
      <c r="I6" s="864"/>
      <c r="J6" s="864"/>
      <c r="K6" s="864"/>
      <c r="L6" s="864"/>
    </row>
    <row r="7" spans="1:14" ht="10.5" x14ac:dyDescent="0.2">
      <c r="A7" s="864" t="s">
        <v>881</v>
      </c>
      <c r="B7" s="864"/>
      <c r="C7" s="864"/>
      <c r="D7" s="864"/>
      <c r="E7" s="864"/>
      <c r="F7" s="864"/>
      <c r="G7" s="864"/>
      <c r="H7" s="864"/>
      <c r="I7" s="864"/>
      <c r="J7" s="864"/>
      <c r="K7" s="864"/>
      <c r="L7" s="864"/>
    </row>
    <row r="8" spans="1:14" s="27" customFormat="1" ht="10.5" x14ac:dyDescent="0.2">
      <c r="A8" s="51"/>
      <c r="B8" s="51"/>
      <c r="C8" s="51"/>
      <c r="D8" s="408"/>
      <c r="E8" s="408"/>
      <c r="F8" s="51"/>
      <c r="G8" s="51"/>
      <c r="H8" s="51"/>
      <c r="I8" s="51"/>
      <c r="J8" s="51"/>
      <c r="K8" s="51"/>
    </row>
    <row r="9" spans="1:14" s="27" customFormat="1" ht="11.25" customHeight="1" x14ac:dyDescent="0.2">
      <c r="A9" s="27" t="s">
        <v>359</v>
      </c>
      <c r="B9" s="122"/>
      <c r="D9" s="334"/>
      <c r="E9" s="334"/>
      <c r="H9" s="141"/>
      <c r="I9" s="51"/>
      <c r="J9" s="141"/>
      <c r="L9" s="238">
        <v>1</v>
      </c>
    </row>
    <row r="10" spans="1:14" ht="15" customHeight="1" x14ac:dyDescent="0.2">
      <c r="A10" s="52"/>
      <c r="B10" s="869" t="s">
        <v>429</v>
      </c>
      <c r="C10" s="877"/>
      <c r="D10" s="869" t="s">
        <v>235</v>
      </c>
      <c r="E10" s="870"/>
      <c r="F10" s="873" t="s">
        <v>109</v>
      </c>
      <c r="G10" s="874"/>
      <c r="H10" s="874"/>
      <c r="I10" s="874"/>
      <c r="J10" s="874"/>
      <c r="K10" s="875"/>
      <c r="L10" s="867" t="s">
        <v>161</v>
      </c>
    </row>
    <row r="11" spans="1:14" ht="15" customHeight="1" x14ac:dyDescent="0.2">
      <c r="A11" s="562" t="s">
        <v>867</v>
      </c>
      <c r="B11" s="878"/>
      <c r="C11" s="879"/>
      <c r="D11" s="871"/>
      <c r="E11" s="872"/>
      <c r="F11" s="867" t="s">
        <v>113</v>
      </c>
      <c r="G11" s="868"/>
      <c r="H11" s="53" t="s">
        <v>114</v>
      </c>
      <c r="I11" s="867" t="s">
        <v>115</v>
      </c>
      <c r="J11" s="868"/>
      <c r="K11" s="54" t="s">
        <v>114</v>
      </c>
      <c r="L11" s="876"/>
    </row>
    <row r="12" spans="1:14" ht="15" customHeight="1" x14ac:dyDescent="0.2">
      <c r="A12" s="55"/>
      <c r="B12" s="880"/>
      <c r="C12" s="881"/>
      <c r="D12" s="865" t="s">
        <v>116</v>
      </c>
      <c r="E12" s="866"/>
      <c r="F12" s="865" t="s">
        <v>117</v>
      </c>
      <c r="G12" s="866"/>
      <c r="H12" s="510" t="s">
        <v>118</v>
      </c>
      <c r="I12" s="865" t="s">
        <v>152</v>
      </c>
      <c r="J12" s="866"/>
      <c r="K12" s="511" t="s">
        <v>153</v>
      </c>
      <c r="L12" s="511" t="s">
        <v>154</v>
      </c>
    </row>
    <row r="13" spans="1:14" ht="10.5" x14ac:dyDescent="0.2">
      <c r="A13" s="156" t="s">
        <v>360</v>
      </c>
      <c r="B13" s="845">
        <v>11877346000</v>
      </c>
      <c r="C13" s="884"/>
      <c r="D13" s="845">
        <v>13732880778.68</v>
      </c>
      <c r="E13" s="884"/>
      <c r="F13" s="885">
        <v>3442077929.29</v>
      </c>
      <c r="G13" s="886"/>
      <c r="H13" s="337">
        <v>25.064500193096784</v>
      </c>
      <c r="I13" s="885">
        <v>12664555003.880001</v>
      </c>
      <c r="J13" s="886"/>
      <c r="K13" s="337">
        <v>92.22067247202385</v>
      </c>
      <c r="L13" s="349">
        <v>1068325774.7999997</v>
      </c>
    </row>
    <row r="14" spans="1:14" ht="10.5" x14ac:dyDescent="0.2">
      <c r="A14" s="157" t="s">
        <v>8</v>
      </c>
      <c r="B14" s="851">
        <v>11167327900</v>
      </c>
      <c r="C14" s="887"/>
      <c r="D14" s="851">
        <v>11538907349.09</v>
      </c>
      <c r="E14" s="887"/>
      <c r="F14" s="885">
        <v>1904514893.4100001</v>
      </c>
      <c r="G14" s="886"/>
      <c r="H14" s="337">
        <v>16.5051580343974</v>
      </c>
      <c r="I14" s="885">
        <v>10668172872.93</v>
      </c>
      <c r="J14" s="886"/>
      <c r="K14" s="337">
        <v>92.453926097008917</v>
      </c>
      <c r="L14" s="349">
        <v>870734476.15999973</v>
      </c>
    </row>
    <row r="15" spans="1:14" ht="10.5" x14ac:dyDescent="0.2">
      <c r="A15" s="157" t="s">
        <v>9</v>
      </c>
      <c r="B15" s="882">
        <v>7047013200</v>
      </c>
      <c r="C15" s="883"/>
      <c r="D15" s="882">
        <v>7288853292.9799995</v>
      </c>
      <c r="E15" s="883"/>
      <c r="F15" s="882">
        <v>1224280716.78</v>
      </c>
      <c r="G15" s="883"/>
      <c r="H15" s="327">
        <v>16.796616251820058</v>
      </c>
      <c r="I15" s="882">
        <v>7154247272.0599995</v>
      </c>
      <c r="J15" s="883"/>
      <c r="K15" s="327">
        <v>98.153262035749293</v>
      </c>
      <c r="L15" s="328">
        <v>134606020.91999999</v>
      </c>
      <c r="M15" s="29"/>
      <c r="N15" s="63"/>
    </row>
    <row r="16" spans="1:14" ht="10.5" x14ac:dyDescent="0.2">
      <c r="A16" s="30" t="s">
        <v>10</v>
      </c>
      <c r="B16" s="882">
        <v>6687744000</v>
      </c>
      <c r="C16" s="883"/>
      <c r="D16" s="882">
        <v>6929584092.9799995</v>
      </c>
      <c r="E16" s="883"/>
      <c r="F16" s="882">
        <v>1186644636.54</v>
      </c>
      <c r="G16" s="883"/>
      <c r="H16" s="327">
        <v>17.124326952639592</v>
      </c>
      <c r="I16" s="882">
        <v>6929584092.9799995</v>
      </c>
      <c r="J16" s="883"/>
      <c r="K16" s="327">
        <v>100</v>
      </c>
      <c r="L16" s="328">
        <v>0</v>
      </c>
    </row>
    <row r="17" spans="1:14" ht="10.5" x14ac:dyDescent="0.2">
      <c r="A17" s="30" t="s">
        <v>11</v>
      </c>
      <c r="B17" s="882">
        <v>359269200</v>
      </c>
      <c r="C17" s="883"/>
      <c r="D17" s="882">
        <v>359269200</v>
      </c>
      <c r="E17" s="883"/>
      <c r="F17" s="882">
        <v>37636080.240000002</v>
      </c>
      <c r="G17" s="883"/>
      <c r="H17" s="327">
        <v>10.475732470247937</v>
      </c>
      <c r="I17" s="882">
        <v>224663179.08000001</v>
      </c>
      <c r="J17" s="883"/>
      <c r="K17" s="327">
        <v>62.533381397570409</v>
      </c>
      <c r="L17" s="328">
        <v>134606020.91999999</v>
      </c>
    </row>
    <row r="18" spans="1:14" ht="10.5" x14ac:dyDescent="0.2">
      <c r="A18" s="30" t="s">
        <v>12</v>
      </c>
      <c r="B18" s="882">
        <v>0</v>
      </c>
      <c r="C18" s="883"/>
      <c r="D18" s="882">
        <v>0</v>
      </c>
      <c r="E18" s="883"/>
      <c r="F18" s="882">
        <v>0</v>
      </c>
      <c r="G18" s="883"/>
      <c r="H18" s="327">
        <v>0</v>
      </c>
      <c r="I18" s="882">
        <v>0</v>
      </c>
      <c r="J18" s="883"/>
      <c r="K18" s="327">
        <v>0</v>
      </c>
      <c r="L18" s="328">
        <v>0</v>
      </c>
    </row>
    <row r="19" spans="1:14" ht="10.5" x14ac:dyDescent="0.2">
      <c r="A19" s="157" t="s">
        <v>13</v>
      </c>
      <c r="B19" s="882">
        <v>388750900</v>
      </c>
      <c r="C19" s="883"/>
      <c r="D19" s="882">
        <v>388750900</v>
      </c>
      <c r="E19" s="883"/>
      <c r="F19" s="882">
        <v>80040027.400000006</v>
      </c>
      <c r="G19" s="883"/>
      <c r="H19" s="327">
        <v>20.589026906432885</v>
      </c>
      <c r="I19" s="882">
        <v>347905765.00999999</v>
      </c>
      <c r="J19" s="883"/>
      <c r="K19" s="327">
        <v>89.493237188647029</v>
      </c>
      <c r="L19" s="328">
        <v>40845134.99000001</v>
      </c>
      <c r="M19" s="63"/>
      <c r="N19" s="63"/>
    </row>
    <row r="20" spans="1:14" ht="10.5" x14ac:dyDescent="0.2">
      <c r="A20" s="30" t="s">
        <v>14</v>
      </c>
      <c r="B20" s="882">
        <v>388750900</v>
      </c>
      <c r="C20" s="883"/>
      <c r="D20" s="882">
        <v>388750900</v>
      </c>
      <c r="E20" s="883"/>
      <c r="F20" s="882">
        <v>80040027.400000006</v>
      </c>
      <c r="G20" s="883"/>
      <c r="H20" s="327">
        <v>20.589026906432885</v>
      </c>
      <c r="I20" s="882">
        <v>347905765.00999999</v>
      </c>
      <c r="J20" s="883"/>
      <c r="K20" s="327">
        <v>89.493237188647029</v>
      </c>
      <c r="L20" s="328">
        <v>40845134.99000001</v>
      </c>
    </row>
    <row r="21" spans="1:14" ht="10.5" x14ac:dyDescent="0.2">
      <c r="A21" s="30" t="s">
        <v>357</v>
      </c>
      <c r="B21" s="882">
        <v>0</v>
      </c>
      <c r="C21" s="883"/>
      <c r="D21" s="882">
        <v>0</v>
      </c>
      <c r="E21" s="883"/>
      <c r="F21" s="882">
        <v>0</v>
      </c>
      <c r="G21" s="883"/>
      <c r="H21" s="327">
        <v>0</v>
      </c>
      <c r="I21" s="882">
        <v>0</v>
      </c>
      <c r="J21" s="883"/>
      <c r="K21" s="327">
        <v>0</v>
      </c>
      <c r="L21" s="328">
        <v>0</v>
      </c>
    </row>
    <row r="22" spans="1:14" ht="10.5" x14ac:dyDescent="0.2">
      <c r="A22" s="30" t="s">
        <v>358</v>
      </c>
      <c r="B22" s="882">
        <v>0</v>
      </c>
      <c r="C22" s="883"/>
      <c r="D22" s="882">
        <v>0</v>
      </c>
      <c r="E22" s="883"/>
      <c r="F22" s="882">
        <v>0</v>
      </c>
      <c r="G22" s="883"/>
      <c r="H22" s="327">
        <v>0</v>
      </c>
      <c r="I22" s="882">
        <v>0</v>
      </c>
      <c r="J22" s="883"/>
      <c r="K22" s="327">
        <v>0</v>
      </c>
      <c r="L22" s="328">
        <v>0</v>
      </c>
    </row>
    <row r="23" spans="1:14" ht="10.5" x14ac:dyDescent="0.2">
      <c r="A23" s="157" t="s">
        <v>15</v>
      </c>
      <c r="B23" s="882">
        <v>135829800</v>
      </c>
      <c r="C23" s="883"/>
      <c r="D23" s="882">
        <v>209157701.05000001</v>
      </c>
      <c r="E23" s="883"/>
      <c r="F23" s="882">
        <v>44198516.759999998</v>
      </c>
      <c r="G23" s="883"/>
      <c r="H23" s="327">
        <v>21.131670762356563</v>
      </c>
      <c r="I23" s="882">
        <v>151030249.75999999</v>
      </c>
      <c r="J23" s="883"/>
      <c r="K23" s="327">
        <v>72.208792218411105</v>
      </c>
      <c r="L23" s="328">
        <v>58127451.289999999</v>
      </c>
    </row>
    <row r="24" spans="1:14" ht="10.5" x14ac:dyDescent="0.2">
      <c r="A24" s="30" t="s">
        <v>16</v>
      </c>
      <c r="B24" s="835">
        <v>1030600</v>
      </c>
      <c r="C24" s="888"/>
      <c r="D24" s="882">
        <v>1030600</v>
      </c>
      <c r="E24" s="883"/>
      <c r="F24" s="835">
        <v>166960.1</v>
      </c>
      <c r="G24" s="888"/>
      <c r="H24" s="327">
        <v>16.200281389481855</v>
      </c>
      <c r="I24" s="882">
        <v>845919.7</v>
      </c>
      <c r="J24" s="883"/>
      <c r="K24" s="327">
        <v>82.080312439355708</v>
      </c>
      <c r="L24" s="328">
        <v>184680.30000000005</v>
      </c>
    </row>
    <row r="25" spans="1:14" ht="10.5" x14ac:dyDescent="0.2">
      <c r="A25" s="30" t="s">
        <v>17</v>
      </c>
      <c r="B25" s="835">
        <v>67394400</v>
      </c>
      <c r="C25" s="888"/>
      <c r="D25" s="882">
        <v>139492325.30000001</v>
      </c>
      <c r="E25" s="883"/>
      <c r="F25" s="835">
        <v>41113276.109999999</v>
      </c>
      <c r="G25" s="888"/>
      <c r="H25" s="327">
        <v>29.473504023665448</v>
      </c>
      <c r="I25" s="882">
        <v>139492325.30000001</v>
      </c>
      <c r="J25" s="883"/>
      <c r="K25" s="327">
        <v>100</v>
      </c>
      <c r="L25" s="328">
        <v>0</v>
      </c>
    </row>
    <row r="26" spans="1:14" ht="10.5" x14ac:dyDescent="0.2">
      <c r="A26" s="30" t="s">
        <v>18</v>
      </c>
      <c r="B26" s="835">
        <v>338800</v>
      </c>
      <c r="C26" s="888"/>
      <c r="D26" s="882">
        <v>1568775.75</v>
      </c>
      <c r="E26" s="883"/>
      <c r="F26" s="835">
        <v>284284.83</v>
      </c>
      <c r="G26" s="888"/>
      <c r="H26" s="327">
        <v>18.121444699792182</v>
      </c>
      <c r="I26" s="882">
        <v>1568775.75</v>
      </c>
      <c r="J26" s="883"/>
      <c r="K26" s="327">
        <v>100</v>
      </c>
      <c r="L26" s="328">
        <v>0</v>
      </c>
    </row>
    <row r="27" spans="1:14" ht="10.5" x14ac:dyDescent="0.2">
      <c r="A27" s="30" t="s">
        <v>119</v>
      </c>
      <c r="B27" s="835">
        <v>67066000</v>
      </c>
      <c r="C27" s="888"/>
      <c r="D27" s="882">
        <v>67066000</v>
      </c>
      <c r="E27" s="883"/>
      <c r="F27" s="835">
        <v>2633995.7200000002</v>
      </c>
      <c r="G27" s="888"/>
      <c r="H27" s="327">
        <v>3.9274680464020522</v>
      </c>
      <c r="I27" s="882">
        <v>9123229.0099999998</v>
      </c>
      <c r="J27" s="883"/>
      <c r="K27" s="327">
        <v>13.603359392240479</v>
      </c>
      <c r="L27" s="328">
        <v>57942770.990000002</v>
      </c>
    </row>
    <row r="28" spans="1:14" ht="21" x14ac:dyDescent="0.2">
      <c r="A28" s="57" t="s">
        <v>370</v>
      </c>
      <c r="B28" s="835">
        <v>0</v>
      </c>
      <c r="C28" s="888"/>
      <c r="D28" s="882">
        <v>0</v>
      </c>
      <c r="E28" s="883"/>
      <c r="F28" s="835">
        <v>0</v>
      </c>
      <c r="G28" s="888"/>
      <c r="H28" s="327">
        <v>0</v>
      </c>
      <c r="I28" s="882">
        <v>0</v>
      </c>
      <c r="J28" s="883"/>
      <c r="K28" s="327">
        <v>0</v>
      </c>
      <c r="L28" s="328">
        <v>0</v>
      </c>
    </row>
    <row r="29" spans="1:14" ht="10.5" x14ac:dyDescent="0.2">
      <c r="A29" s="57" t="s">
        <v>371</v>
      </c>
      <c r="B29" s="835">
        <v>0</v>
      </c>
      <c r="C29" s="888"/>
      <c r="D29" s="882">
        <v>0</v>
      </c>
      <c r="E29" s="883"/>
      <c r="F29" s="835">
        <v>0</v>
      </c>
      <c r="G29" s="888"/>
      <c r="H29" s="327">
        <v>0</v>
      </c>
      <c r="I29" s="882">
        <v>0</v>
      </c>
      <c r="J29" s="883"/>
      <c r="K29" s="327">
        <v>0</v>
      </c>
      <c r="L29" s="328">
        <v>0</v>
      </c>
    </row>
    <row r="30" spans="1:14" ht="10.5" x14ac:dyDescent="0.2">
      <c r="A30" s="30" t="s">
        <v>19</v>
      </c>
      <c r="B30" s="835">
        <v>0</v>
      </c>
      <c r="C30" s="888"/>
      <c r="D30" s="882">
        <v>0</v>
      </c>
      <c r="E30" s="883"/>
      <c r="F30" s="835">
        <v>0</v>
      </c>
      <c r="G30" s="888"/>
      <c r="H30" s="327">
        <v>0</v>
      </c>
      <c r="I30" s="882">
        <v>0</v>
      </c>
      <c r="J30" s="883"/>
      <c r="K30" s="327">
        <v>0</v>
      </c>
      <c r="L30" s="328">
        <v>0</v>
      </c>
    </row>
    <row r="31" spans="1:14" ht="10.5" x14ac:dyDescent="0.2">
      <c r="A31" s="157" t="s">
        <v>20</v>
      </c>
      <c r="B31" s="835">
        <v>0</v>
      </c>
      <c r="C31" s="888"/>
      <c r="D31" s="835">
        <v>0</v>
      </c>
      <c r="E31" s="888"/>
      <c r="F31" s="835">
        <v>0</v>
      </c>
      <c r="G31" s="888"/>
      <c r="H31" s="327">
        <v>0</v>
      </c>
      <c r="I31" s="882">
        <v>0</v>
      </c>
      <c r="J31" s="883"/>
      <c r="K31" s="327">
        <v>0</v>
      </c>
      <c r="L31" s="328">
        <v>0</v>
      </c>
    </row>
    <row r="32" spans="1:14" ht="10.5" x14ac:dyDescent="0.2">
      <c r="A32" s="30" t="s">
        <v>21</v>
      </c>
      <c r="B32" s="835">
        <v>0</v>
      </c>
      <c r="C32" s="888"/>
      <c r="D32" s="882">
        <v>0</v>
      </c>
      <c r="E32" s="883"/>
      <c r="F32" s="835">
        <v>0</v>
      </c>
      <c r="G32" s="888"/>
      <c r="H32" s="327">
        <v>0</v>
      </c>
      <c r="I32" s="882">
        <v>0</v>
      </c>
      <c r="J32" s="883"/>
      <c r="K32" s="327">
        <v>0</v>
      </c>
      <c r="L32" s="328">
        <v>0</v>
      </c>
    </row>
    <row r="33" spans="1:14" ht="10.5" x14ac:dyDescent="0.2">
      <c r="A33" s="30" t="s">
        <v>22</v>
      </c>
      <c r="B33" s="835">
        <v>0</v>
      </c>
      <c r="C33" s="888"/>
      <c r="D33" s="882">
        <v>0</v>
      </c>
      <c r="E33" s="883"/>
      <c r="F33" s="835">
        <v>0</v>
      </c>
      <c r="G33" s="888"/>
      <c r="H33" s="327">
        <v>0</v>
      </c>
      <c r="I33" s="882">
        <v>0</v>
      </c>
      <c r="J33" s="883"/>
      <c r="K33" s="327">
        <v>0</v>
      </c>
      <c r="L33" s="328">
        <v>0</v>
      </c>
    </row>
    <row r="34" spans="1:14" ht="10.5" x14ac:dyDescent="0.2">
      <c r="A34" s="30" t="s">
        <v>23</v>
      </c>
      <c r="B34" s="835">
        <v>0</v>
      </c>
      <c r="C34" s="888"/>
      <c r="D34" s="882">
        <v>0</v>
      </c>
      <c r="E34" s="883"/>
      <c r="F34" s="835">
        <v>0</v>
      </c>
      <c r="G34" s="888"/>
      <c r="H34" s="327">
        <v>0</v>
      </c>
      <c r="I34" s="882">
        <v>0</v>
      </c>
      <c r="J34" s="883"/>
      <c r="K34" s="327">
        <v>0</v>
      </c>
      <c r="L34" s="328">
        <v>0</v>
      </c>
    </row>
    <row r="35" spans="1:14" ht="10.5" x14ac:dyDescent="0.2">
      <c r="A35" s="157" t="s">
        <v>24</v>
      </c>
      <c r="B35" s="835">
        <v>0</v>
      </c>
      <c r="C35" s="888"/>
      <c r="D35" s="835">
        <v>0</v>
      </c>
      <c r="E35" s="888"/>
      <c r="F35" s="835">
        <v>0</v>
      </c>
      <c r="G35" s="888"/>
      <c r="H35" s="327">
        <v>0</v>
      </c>
      <c r="I35" s="882">
        <v>0</v>
      </c>
      <c r="J35" s="883"/>
      <c r="K35" s="327">
        <v>0</v>
      </c>
      <c r="L35" s="328">
        <v>0</v>
      </c>
    </row>
    <row r="36" spans="1:14" ht="10.5" x14ac:dyDescent="0.2">
      <c r="A36" s="30" t="s">
        <v>372</v>
      </c>
      <c r="B36" s="835">
        <v>0</v>
      </c>
      <c r="C36" s="888"/>
      <c r="D36" s="882">
        <v>0</v>
      </c>
      <c r="E36" s="883"/>
      <c r="F36" s="835">
        <v>0</v>
      </c>
      <c r="G36" s="888"/>
      <c r="H36" s="327">
        <v>0</v>
      </c>
      <c r="I36" s="882">
        <v>0</v>
      </c>
      <c r="J36" s="883"/>
      <c r="K36" s="327">
        <v>0</v>
      </c>
      <c r="L36" s="328">
        <v>0</v>
      </c>
    </row>
    <row r="37" spans="1:14" ht="10.5" x14ac:dyDescent="0.2">
      <c r="A37" s="30" t="s">
        <v>25</v>
      </c>
      <c r="B37" s="835">
        <v>0</v>
      </c>
      <c r="C37" s="888"/>
      <c r="D37" s="882">
        <v>0</v>
      </c>
      <c r="E37" s="883"/>
      <c r="F37" s="835">
        <v>0</v>
      </c>
      <c r="G37" s="888"/>
      <c r="H37" s="327">
        <v>0</v>
      </c>
      <c r="I37" s="882">
        <v>0</v>
      </c>
      <c r="J37" s="883"/>
      <c r="K37" s="327">
        <v>0</v>
      </c>
      <c r="L37" s="328">
        <v>0</v>
      </c>
    </row>
    <row r="38" spans="1:14" ht="10.5" x14ac:dyDescent="0.2">
      <c r="A38" s="30" t="s">
        <v>26</v>
      </c>
      <c r="B38" s="835">
        <v>0</v>
      </c>
      <c r="C38" s="888"/>
      <c r="D38" s="882">
        <v>0</v>
      </c>
      <c r="E38" s="883"/>
      <c r="F38" s="835">
        <v>0</v>
      </c>
      <c r="G38" s="888"/>
      <c r="H38" s="327">
        <v>0</v>
      </c>
      <c r="I38" s="882">
        <v>0</v>
      </c>
      <c r="J38" s="883"/>
      <c r="K38" s="327">
        <v>0</v>
      </c>
      <c r="L38" s="328">
        <v>0</v>
      </c>
    </row>
    <row r="39" spans="1:14" ht="10.5" x14ac:dyDescent="0.2">
      <c r="A39" s="58" t="s">
        <v>27</v>
      </c>
      <c r="B39" s="835">
        <v>0</v>
      </c>
      <c r="C39" s="888"/>
      <c r="D39" s="882">
        <v>0</v>
      </c>
      <c r="E39" s="883"/>
      <c r="F39" s="835">
        <v>0</v>
      </c>
      <c r="G39" s="888"/>
      <c r="H39" s="327">
        <v>0</v>
      </c>
      <c r="I39" s="882">
        <v>0</v>
      </c>
      <c r="J39" s="883"/>
      <c r="K39" s="327">
        <v>0</v>
      </c>
      <c r="L39" s="328">
        <v>0</v>
      </c>
    </row>
    <row r="40" spans="1:14" ht="10.5" x14ac:dyDescent="0.2">
      <c r="A40" s="157" t="s">
        <v>28</v>
      </c>
      <c r="B40" s="835">
        <v>447593100</v>
      </c>
      <c r="C40" s="888"/>
      <c r="D40" s="882">
        <v>498426591.31</v>
      </c>
      <c r="E40" s="883"/>
      <c r="F40" s="835">
        <v>101463126.19</v>
      </c>
      <c r="G40" s="888"/>
      <c r="H40" s="327">
        <v>20.356684005026185</v>
      </c>
      <c r="I40" s="882">
        <v>498426591.31</v>
      </c>
      <c r="J40" s="883"/>
      <c r="K40" s="327">
        <v>100</v>
      </c>
      <c r="L40" s="328">
        <v>0</v>
      </c>
    </row>
    <row r="41" spans="1:14" ht="10.5" x14ac:dyDescent="0.2">
      <c r="A41" s="157" t="s">
        <v>29</v>
      </c>
      <c r="B41" s="835">
        <v>2984392800</v>
      </c>
      <c r="C41" s="888"/>
      <c r="D41" s="835">
        <v>2984392800</v>
      </c>
      <c r="E41" s="888"/>
      <c r="F41" s="835">
        <v>427848395.50000006</v>
      </c>
      <c r="G41" s="888"/>
      <c r="H41" s="327">
        <v>14.336195808406993</v>
      </c>
      <c r="I41" s="882">
        <v>2382348045.21</v>
      </c>
      <c r="J41" s="883"/>
      <c r="K41" s="327">
        <v>79.826892934804022</v>
      </c>
      <c r="L41" s="328">
        <v>602044754.78999984</v>
      </c>
      <c r="M41" s="63"/>
      <c r="N41" s="63"/>
    </row>
    <row r="42" spans="1:14" ht="10.5" x14ac:dyDescent="0.2">
      <c r="A42" s="30" t="s">
        <v>30</v>
      </c>
      <c r="B42" s="835">
        <v>2221812200</v>
      </c>
      <c r="C42" s="888"/>
      <c r="D42" s="882">
        <v>2221812200</v>
      </c>
      <c r="E42" s="883"/>
      <c r="F42" s="835">
        <v>361310667.12</v>
      </c>
      <c r="G42" s="888"/>
      <c r="H42" s="327">
        <v>16.261980518425457</v>
      </c>
      <c r="I42" s="882">
        <v>2023921838.3600001</v>
      </c>
      <c r="J42" s="883"/>
      <c r="K42" s="327">
        <v>91.093290349202334</v>
      </c>
      <c r="L42" s="328">
        <v>197890361.63999987</v>
      </c>
    </row>
    <row r="43" spans="1:14" ht="10.5" x14ac:dyDescent="0.2">
      <c r="A43" s="30" t="s">
        <v>31</v>
      </c>
      <c r="B43" s="835">
        <v>478545500</v>
      </c>
      <c r="C43" s="888"/>
      <c r="D43" s="882">
        <v>478545500</v>
      </c>
      <c r="E43" s="883"/>
      <c r="F43" s="835">
        <v>61540607.340000004</v>
      </c>
      <c r="G43" s="888"/>
      <c r="H43" s="327">
        <v>12.859928123867009</v>
      </c>
      <c r="I43" s="882">
        <v>335035908.81</v>
      </c>
      <c r="J43" s="883"/>
      <c r="K43" s="327">
        <v>70.011296482779599</v>
      </c>
      <c r="L43" s="328">
        <v>143509591.19</v>
      </c>
    </row>
    <row r="44" spans="1:14" ht="10.5" x14ac:dyDescent="0.2">
      <c r="A44" s="30" t="s">
        <v>32</v>
      </c>
      <c r="B44" s="835">
        <v>0</v>
      </c>
      <c r="C44" s="888"/>
      <c r="D44" s="882">
        <v>0</v>
      </c>
      <c r="E44" s="883"/>
      <c r="F44" s="835">
        <v>0</v>
      </c>
      <c r="G44" s="888"/>
      <c r="H44" s="327">
        <v>0</v>
      </c>
      <c r="I44" s="882">
        <v>0</v>
      </c>
      <c r="J44" s="883"/>
      <c r="K44" s="327">
        <v>0</v>
      </c>
      <c r="L44" s="328">
        <v>0</v>
      </c>
    </row>
    <row r="45" spans="1:14" ht="10.5" x14ac:dyDescent="0.2">
      <c r="A45" s="30" t="s">
        <v>33</v>
      </c>
      <c r="B45" s="835">
        <v>56200</v>
      </c>
      <c r="C45" s="888"/>
      <c r="D45" s="882">
        <v>56200</v>
      </c>
      <c r="E45" s="883"/>
      <c r="F45" s="835">
        <v>11080.35</v>
      </c>
      <c r="G45" s="888"/>
      <c r="H45" s="327">
        <v>19.715925266903916</v>
      </c>
      <c r="I45" s="882">
        <v>16882.45</v>
      </c>
      <c r="J45" s="883"/>
      <c r="K45" s="327">
        <v>30.039946619217083</v>
      </c>
      <c r="L45" s="328">
        <v>39317.550000000003</v>
      </c>
    </row>
    <row r="46" spans="1:14" ht="10.5" x14ac:dyDescent="0.2">
      <c r="A46" s="30" t="s">
        <v>34</v>
      </c>
      <c r="B46" s="835">
        <v>283978900</v>
      </c>
      <c r="C46" s="888"/>
      <c r="D46" s="882">
        <v>283978900</v>
      </c>
      <c r="E46" s="883"/>
      <c r="F46" s="835">
        <v>4986040.6900000004</v>
      </c>
      <c r="G46" s="888"/>
      <c r="H46" s="327">
        <v>1.7557785772111942</v>
      </c>
      <c r="I46" s="882">
        <v>23373415.59</v>
      </c>
      <c r="J46" s="883"/>
      <c r="K46" s="327">
        <v>8.2306874172693814</v>
      </c>
      <c r="L46" s="328">
        <v>260605484.41</v>
      </c>
    </row>
    <row r="47" spans="1:14" ht="10.5" x14ac:dyDescent="0.2">
      <c r="A47" s="59" t="s">
        <v>35</v>
      </c>
      <c r="B47" s="835">
        <v>0</v>
      </c>
      <c r="C47" s="888"/>
      <c r="D47" s="882">
        <v>0</v>
      </c>
      <c r="E47" s="883"/>
      <c r="F47" s="835">
        <v>0</v>
      </c>
      <c r="G47" s="888"/>
      <c r="H47" s="327">
        <v>0</v>
      </c>
      <c r="I47" s="882">
        <v>0</v>
      </c>
      <c r="J47" s="883"/>
      <c r="K47" s="327">
        <v>0</v>
      </c>
      <c r="L47" s="328">
        <v>0</v>
      </c>
    </row>
    <row r="48" spans="1:14" ht="10.5" x14ac:dyDescent="0.2">
      <c r="A48" s="157" t="s">
        <v>36</v>
      </c>
      <c r="B48" s="835">
        <v>163748100</v>
      </c>
      <c r="C48" s="888"/>
      <c r="D48" s="835">
        <v>169326063.75</v>
      </c>
      <c r="E48" s="888"/>
      <c r="F48" s="835">
        <v>26684110.779999997</v>
      </c>
      <c r="G48" s="888"/>
      <c r="H48" s="327">
        <v>15.759009681697627</v>
      </c>
      <c r="I48" s="882">
        <v>134214949.58000001</v>
      </c>
      <c r="J48" s="883"/>
      <c r="K48" s="327">
        <v>79.264199856532727</v>
      </c>
      <c r="L48" s="328">
        <v>35111114.169999994</v>
      </c>
    </row>
    <row r="49" spans="1:14" ht="10.5" x14ac:dyDescent="0.2">
      <c r="A49" s="30" t="s">
        <v>37</v>
      </c>
      <c r="B49" s="835">
        <v>83718200</v>
      </c>
      <c r="C49" s="888"/>
      <c r="D49" s="882">
        <v>83718200</v>
      </c>
      <c r="E49" s="883"/>
      <c r="F49" s="835">
        <v>13053003.33</v>
      </c>
      <c r="G49" s="888"/>
      <c r="H49" s="327">
        <v>15.591595770095394</v>
      </c>
      <c r="I49" s="882">
        <v>81616350.650000006</v>
      </c>
      <c r="J49" s="883"/>
      <c r="K49" s="327">
        <v>97.489375846590121</v>
      </c>
      <c r="L49" s="328">
        <v>2101849.349999994</v>
      </c>
    </row>
    <row r="50" spans="1:14" ht="10.5" x14ac:dyDescent="0.2">
      <c r="A50" s="30" t="s">
        <v>38</v>
      </c>
      <c r="B50" s="835">
        <v>25102100</v>
      </c>
      <c r="C50" s="888"/>
      <c r="D50" s="882">
        <v>26163845.890000001</v>
      </c>
      <c r="E50" s="883"/>
      <c r="F50" s="835">
        <v>5513012.7999999998</v>
      </c>
      <c r="G50" s="888"/>
      <c r="H50" s="327">
        <v>21.071110199846846</v>
      </c>
      <c r="I50" s="882">
        <v>26163845.890000001</v>
      </c>
      <c r="J50" s="883"/>
      <c r="K50" s="327">
        <v>100</v>
      </c>
      <c r="L50" s="328">
        <v>0</v>
      </c>
    </row>
    <row r="51" spans="1:14" ht="10.5" x14ac:dyDescent="0.2">
      <c r="A51" s="30" t="s">
        <v>39</v>
      </c>
      <c r="B51" s="835">
        <v>9180000</v>
      </c>
      <c r="C51" s="888"/>
      <c r="D51" s="882">
        <v>13696217.859999999</v>
      </c>
      <c r="E51" s="883"/>
      <c r="F51" s="835">
        <v>3168304.4</v>
      </c>
      <c r="G51" s="888"/>
      <c r="H51" s="327">
        <v>23.132695700271228</v>
      </c>
      <c r="I51" s="882">
        <v>13696217.859999999</v>
      </c>
      <c r="J51" s="883"/>
      <c r="K51" s="327">
        <v>100</v>
      </c>
      <c r="L51" s="328">
        <v>0</v>
      </c>
    </row>
    <row r="52" spans="1:14" ht="21" x14ac:dyDescent="0.2">
      <c r="A52" s="57" t="s">
        <v>373</v>
      </c>
      <c r="B52" s="835">
        <v>0</v>
      </c>
      <c r="C52" s="888"/>
      <c r="D52" s="882">
        <v>0</v>
      </c>
      <c r="E52" s="883"/>
      <c r="F52" s="835">
        <v>0</v>
      </c>
      <c r="G52" s="888"/>
      <c r="H52" s="327">
        <v>0</v>
      </c>
      <c r="I52" s="882">
        <v>0</v>
      </c>
      <c r="J52" s="883"/>
      <c r="K52" s="327">
        <v>0</v>
      </c>
      <c r="L52" s="328">
        <v>0</v>
      </c>
    </row>
    <row r="53" spans="1:14" ht="10.5" x14ac:dyDescent="0.2">
      <c r="A53" s="59" t="s">
        <v>54</v>
      </c>
      <c r="B53" s="835">
        <v>45747800</v>
      </c>
      <c r="C53" s="888"/>
      <c r="D53" s="882">
        <v>45747800</v>
      </c>
      <c r="E53" s="883"/>
      <c r="F53" s="835">
        <v>4949790.25</v>
      </c>
      <c r="G53" s="888"/>
      <c r="H53" s="327">
        <v>10.819733954419666</v>
      </c>
      <c r="I53" s="882">
        <v>12738535.18</v>
      </c>
      <c r="J53" s="883"/>
      <c r="K53" s="327">
        <v>27.845131744040152</v>
      </c>
      <c r="L53" s="328">
        <v>33009264.82</v>
      </c>
    </row>
    <row r="54" spans="1:14" ht="10.5" x14ac:dyDescent="0.2">
      <c r="A54" s="157" t="s">
        <v>40</v>
      </c>
      <c r="B54" s="851">
        <v>710018100</v>
      </c>
      <c r="C54" s="887"/>
      <c r="D54" s="851">
        <v>2193973429.5900002</v>
      </c>
      <c r="E54" s="887"/>
      <c r="F54" s="851">
        <v>1537563035.8800001</v>
      </c>
      <c r="G54" s="887"/>
      <c r="H54" s="337">
        <v>70.081205867991443</v>
      </c>
      <c r="I54" s="885">
        <v>1996382130.95</v>
      </c>
      <c r="J54" s="886"/>
      <c r="K54" s="337">
        <v>90.99390649061209</v>
      </c>
      <c r="L54" s="629">
        <v>197591298.64000002</v>
      </c>
    </row>
    <row r="55" spans="1:14" ht="10.5" x14ac:dyDescent="0.2">
      <c r="A55" s="157" t="s">
        <v>41</v>
      </c>
      <c r="B55" s="835">
        <v>36288000</v>
      </c>
      <c r="C55" s="888"/>
      <c r="D55" s="882">
        <v>43326855.170000002</v>
      </c>
      <c r="E55" s="883"/>
      <c r="F55" s="835">
        <v>23025182.309999999</v>
      </c>
      <c r="G55" s="888"/>
      <c r="H55" s="327">
        <v>53.142980767140678</v>
      </c>
      <c r="I55" s="882">
        <v>41998753.960000001</v>
      </c>
      <c r="J55" s="883"/>
      <c r="K55" s="327">
        <v>96.934692802445554</v>
      </c>
      <c r="L55" s="328">
        <v>1328101.2100000009</v>
      </c>
    </row>
    <row r="56" spans="1:14" ht="10.5" x14ac:dyDescent="0.2">
      <c r="A56" s="30" t="s">
        <v>42</v>
      </c>
      <c r="B56" s="835">
        <v>34788000</v>
      </c>
      <c r="C56" s="888"/>
      <c r="D56" s="882">
        <v>34788000</v>
      </c>
      <c r="E56" s="883"/>
      <c r="F56" s="835">
        <v>23025182.309999999</v>
      </c>
      <c r="G56" s="888"/>
      <c r="H56" s="327">
        <v>66.187140134529145</v>
      </c>
      <c r="I56" s="882">
        <v>33459898.789999999</v>
      </c>
      <c r="J56" s="883"/>
      <c r="K56" s="327">
        <v>96.182300764631478</v>
      </c>
      <c r="L56" s="328">
        <v>1328101.2100000009</v>
      </c>
    </row>
    <row r="57" spans="1:14" ht="10.5" x14ac:dyDescent="0.2">
      <c r="A57" s="30" t="s">
        <v>43</v>
      </c>
      <c r="B57" s="835">
        <v>1500000</v>
      </c>
      <c r="C57" s="888"/>
      <c r="D57" s="882">
        <v>8538855.1699999999</v>
      </c>
      <c r="E57" s="883"/>
      <c r="F57" s="835">
        <v>0</v>
      </c>
      <c r="G57" s="888"/>
      <c r="H57" s="327">
        <v>0</v>
      </c>
      <c r="I57" s="882">
        <v>8538855.1699999999</v>
      </c>
      <c r="J57" s="883"/>
      <c r="K57" s="327">
        <v>100</v>
      </c>
      <c r="L57" s="328">
        <v>0</v>
      </c>
    </row>
    <row r="58" spans="1:14" ht="10.5" x14ac:dyDescent="0.2">
      <c r="A58" s="157" t="s">
        <v>44</v>
      </c>
      <c r="B58" s="835">
        <v>7652000</v>
      </c>
      <c r="C58" s="888"/>
      <c r="D58" s="835">
        <v>7652000</v>
      </c>
      <c r="E58" s="888"/>
      <c r="F58" s="835">
        <v>1624632.76</v>
      </c>
      <c r="G58" s="888"/>
      <c r="H58" s="327">
        <v>21.231478829064297</v>
      </c>
      <c r="I58" s="882">
        <v>2430242.13</v>
      </c>
      <c r="J58" s="883"/>
      <c r="K58" s="327">
        <v>31.759567825405121</v>
      </c>
      <c r="L58" s="328">
        <v>5221757.87</v>
      </c>
      <c r="M58" s="63"/>
      <c r="N58" s="63"/>
    </row>
    <row r="59" spans="1:14" ht="10.5" x14ac:dyDescent="0.2">
      <c r="A59" s="30" t="s">
        <v>45</v>
      </c>
      <c r="B59" s="835">
        <v>2056000</v>
      </c>
      <c r="C59" s="888"/>
      <c r="D59" s="882">
        <v>2056000</v>
      </c>
      <c r="E59" s="883"/>
      <c r="F59" s="835">
        <v>1549700.58</v>
      </c>
      <c r="G59" s="888"/>
      <c r="H59" s="327">
        <v>75.374541828793767</v>
      </c>
      <c r="I59" s="882">
        <v>1909642.5</v>
      </c>
      <c r="J59" s="883"/>
      <c r="K59" s="327">
        <v>92.881444552529175</v>
      </c>
      <c r="L59" s="328">
        <v>146357.5</v>
      </c>
    </row>
    <row r="60" spans="1:14" ht="10.5" x14ac:dyDescent="0.2">
      <c r="A60" s="30" t="s">
        <v>46</v>
      </c>
      <c r="B60" s="835">
        <v>5596000</v>
      </c>
      <c r="C60" s="888"/>
      <c r="D60" s="882">
        <v>5596000</v>
      </c>
      <c r="E60" s="883"/>
      <c r="F60" s="835">
        <v>74932.179999999993</v>
      </c>
      <c r="G60" s="888"/>
      <c r="H60" s="327">
        <v>1.339031093638313</v>
      </c>
      <c r="I60" s="882">
        <v>520599.63</v>
      </c>
      <c r="J60" s="883"/>
      <c r="K60" s="327">
        <v>9.3030670121515371</v>
      </c>
      <c r="L60" s="328">
        <v>5075400.37</v>
      </c>
    </row>
    <row r="61" spans="1:14" ht="10.5" x14ac:dyDescent="0.2">
      <c r="A61" s="157" t="s">
        <v>47</v>
      </c>
      <c r="B61" s="835">
        <v>2054800</v>
      </c>
      <c r="C61" s="888"/>
      <c r="D61" s="882">
        <v>2728671.31</v>
      </c>
      <c r="E61" s="883"/>
      <c r="F61" s="835">
        <v>614347.18999999994</v>
      </c>
      <c r="G61" s="888"/>
      <c r="H61" s="327">
        <v>22.514517880865611</v>
      </c>
      <c r="I61" s="882">
        <v>2728671.31</v>
      </c>
      <c r="J61" s="883"/>
      <c r="K61" s="327">
        <v>100</v>
      </c>
      <c r="L61" s="328">
        <v>0</v>
      </c>
    </row>
    <row r="62" spans="1:14" ht="10.5" x14ac:dyDescent="0.2">
      <c r="A62" s="157" t="s">
        <v>48</v>
      </c>
      <c r="B62" s="835">
        <v>664023300</v>
      </c>
      <c r="C62" s="888"/>
      <c r="D62" s="835">
        <v>720522382.12</v>
      </c>
      <c r="E62" s="888"/>
      <c r="F62" s="835">
        <v>92555352.629999995</v>
      </c>
      <c r="G62" s="888"/>
      <c r="H62" s="327">
        <v>12.845590217152377</v>
      </c>
      <c r="I62" s="882">
        <v>529480942.56000006</v>
      </c>
      <c r="J62" s="883"/>
      <c r="K62" s="327">
        <v>73.485703664347398</v>
      </c>
      <c r="L62" s="328">
        <v>191041439.56</v>
      </c>
      <c r="M62" s="63"/>
      <c r="N62" s="63"/>
    </row>
    <row r="63" spans="1:14" ht="10.5" x14ac:dyDescent="0.2">
      <c r="A63" s="30" t="s">
        <v>30</v>
      </c>
      <c r="B63" s="835">
        <v>32204000</v>
      </c>
      <c r="C63" s="888"/>
      <c r="D63" s="882">
        <v>32204000</v>
      </c>
      <c r="E63" s="883"/>
      <c r="F63" s="835">
        <v>450000</v>
      </c>
      <c r="G63" s="888"/>
      <c r="H63" s="327">
        <v>1.3973419450999875</v>
      </c>
      <c r="I63" s="882">
        <v>4144046.41</v>
      </c>
      <c r="J63" s="883"/>
      <c r="K63" s="327">
        <v>12.868110824742269</v>
      </c>
      <c r="L63" s="328">
        <v>28059953.59</v>
      </c>
    </row>
    <row r="64" spans="1:14" ht="10.5" x14ac:dyDescent="0.2">
      <c r="A64" s="30" t="s">
        <v>31</v>
      </c>
      <c r="B64" s="835">
        <v>411979000</v>
      </c>
      <c r="C64" s="888"/>
      <c r="D64" s="882">
        <v>468478082.12</v>
      </c>
      <c r="E64" s="883"/>
      <c r="F64" s="835">
        <v>82080062.569999993</v>
      </c>
      <c r="G64" s="888"/>
      <c r="H64" s="327">
        <v>17.520576885595961</v>
      </c>
      <c r="I64" s="882">
        <v>468478082.12</v>
      </c>
      <c r="J64" s="883"/>
      <c r="K64" s="327">
        <v>100</v>
      </c>
      <c r="L64" s="328">
        <v>0</v>
      </c>
    </row>
    <row r="65" spans="1:13" ht="10.5" x14ac:dyDescent="0.2">
      <c r="A65" s="30" t="s">
        <v>32</v>
      </c>
      <c r="B65" s="835">
        <v>0</v>
      </c>
      <c r="C65" s="888"/>
      <c r="D65" s="882">
        <v>0</v>
      </c>
      <c r="E65" s="883"/>
      <c r="F65" s="835">
        <v>0</v>
      </c>
      <c r="G65" s="888"/>
      <c r="H65" s="327">
        <v>0</v>
      </c>
      <c r="I65" s="882">
        <v>0</v>
      </c>
      <c r="J65" s="883"/>
      <c r="K65" s="327">
        <v>0</v>
      </c>
      <c r="L65" s="328">
        <v>0</v>
      </c>
    </row>
    <row r="66" spans="1:13" ht="10.5" x14ac:dyDescent="0.2">
      <c r="A66" s="30" t="s">
        <v>33</v>
      </c>
      <c r="B66" s="835">
        <v>0</v>
      </c>
      <c r="C66" s="888"/>
      <c r="D66" s="882">
        <v>0</v>
      </c>
      <c r="E66" s="883"/>
      <c r="F66" s="835">
        <v>0</v>
      </c>
      <c r="G66" s="888"/>
      <c r="H66" s="327">
        <v>0</v>
      </c>
      <c r="I66" s="882">
        <v>0</v>
      </c>
      <c r="J66" s="883"/>
      <c r="K66" s="327">
        <v>0</v>
      </c>
      <c r="L66" s="328">
        <v>0</v>
      </c>
    </row>
    <row r="67" spans="1:13" ht="10.5" x14ac:dyDescent="0.2">
      <c r="A67" s="60" t="s">
        <v>49</v>
      </c>
      <c r="B67" s="835">
        <v>0</v>
      </c>
      <c r="C67" s="888"/>
      <c r="D67" s="882">
        <v>0</v>
      </c>
      <c r="E67" s="883"/>
      <c r="F67" s="835">
        <v>0</v>
      </c>
      <c r="G67" s="888"/>
      <c r="H67" s="327">
        <v>0</v>
      </c>
      <c r="I67" s="882">
        <v>0</v>
      </c>
      <c r="J67" s="883"/>
      <c r="K67" s="327">
        <v>0</v>
      </c>
      <c r="L67" s="328">
        <v>0</v>
      </c>
    </row>
    <row r="68" spans="1:13" ht="10.5" x14ac:dyDescent="0.2">
      <c r="A68" s="60" t="s">
        <v>34</v>
      </c>
      <c r="B68" s="835">
        <v>219840300</v>
      </c>
      <c r="C68" s="888"/>
      <c r="D68" s="882">
        <v>219840300</v>
      </c>
      <c r="E68" s="883"/>
      <c r="F68" s="835">
        <v>10025290.060000001</v>
      </c>
      <c r="G68" s="888"/>
      <c r="H68" s="327">
        <v>4.5602603617262174</v>
      </c>
      <c r="I68" s="882">
        <v>56858814.030000001</v>
      </c>
      <c r="J68" s="883"/>
      <c r="K68" s="327">
        <v>25.863690155990511</v>
      </c>
      <c r="L68" s="328">
        <v>162981485.97</v>
      </c>
    </row>
    <row r="69" spans="1:13" ht="10.5" x14ac:dyDescent="0.2">
      <c r="A69" s="60" t="s">
        <v>35</v>
      </c>
      <c r="B69" s="835">
        <v>0</v>
      </c>
      <c r="C69" s="888"/>
      <c r="D69" s="882">
        <v>0</v>
      </c>
      <c r="E69" s="883"/>
      <c r="F69" s="835">
        <v>0</v>
      </c>
      <c r="G69" s="888"/>
      <c r="H69" s="327">
        <v>0</v>
      </c>
      <c r="I69" s="882">
        <v>0</v>
      </c>
      <c r="J69" s="883"/>
      <c r="K69" s="327">
        <v>0</v>
      </c>
      <c r="L69" s="328">
        <v>0</v>
      </c>
    </row>
    <row r="70" spans="1:13" ht="10.5" x14ac:dyDescent="0.2">
      <c r="A70" s="157" t="s">
        <v>50</v>
      </c>
      <c r="B70" s="835">
        <v>0</v>
      </c>
      <c r="C70" s="888"/>
      <c r="D70" s="835">
        <v>1419743520.99</v>
      </c>
      <c r="E70" s="888"/>
      <c r="F70" s="835">
        <v>1419743520.99</v>
      </c>
      <c r="G70" s="888"/>
      <c r="H70" s="327">
        <v>0</v>
      </c>
      <c r="I70" s="882">
        <v>1419743520.99</v>
      </c>
      <c r="J70" s="883"/>
      <c r="K70" s="327">
        <v>0</v>
      </c>
      <c r="L70" s="328">
        <v>0</v>
      </c>
    </row>
    <row r="71" spans="1:13" ht="10.5" x14ac:dyDescent="0.2">
      <c r="A71" s="30" t="s">
        <v>51</v>
      </c>
      <c r="B71" s="835">
        <v>0</v>
      </c>
      <c r="C71" s="888"/>
      <c r="D71" s="882">
        <v>1419743520.99</v>
      </c>
      <c r="E71" s="883"/>
      <c r="F71" s="835">
        <v>1419743520.99</v>
      </c>
      <c r="G71" s="888"/>
      <c r="H71" s="327">
        <v>0</v>
      </c>
      <c r="I71" s="882">
        <v>1419743520.99</v>
      </c>
      <c r="J71" s="883"/>
      <c r="K71" s="327">
        <v>0</v>
      </c>
      <c r="L71" s="328">
        <v>0</v>
      </c>
    </row>
    <row r="72" spans="1:13" ht="10.5" x14ac:dyDescent="0.2">
      <c r="A72" s="61" t="s">
        <v>52</v>
      </c>
      <c r="B72" s="835">
        <v>0</v>
      </c>
      <c r="C72" s="888"/>
      <c r="D72" s="882">
        <v>0</v>
      </c>
      <c r="E72" s="883"/>
      <c r="F72" s="882">
        <v>0</v>
      </c>
      <c r="G72" s="883"/>
      <c r="H72" s="327">
        <v>0</v>
      </c>
      <c r="I72" s="882">
        <v>0</v>
      </c>
      <c r="J72" s="883"/>
      <c r="K72" s="327">
        <v>0</v>
      </c>
      <c r="L72" s="328">
        <v>0</v>
      </c>
    </row>
    <row r="73" spans="1:13" ht="10.5" x14ac:dyDescent="0.2">
      <c r="A73" s="60" t="s">
        <v>53</v>
      </c>
      <c r="B73" s="835">
        <v>0</v>
      </c>
      <c r="C73" s="888"/>
      <c r="D73" s="882">
        <v>0</v>
      </c>
      <c r="E73" s="883"/>
      <c r="F73" s="835">
        <v>0</v>
      </c>
      <c r="G73" s="888"/>
      <c r="H73" s="327">
        <v>0</v>
      </c>
      <c r="I73" s="882">
        <v>0</v>
      </c>
      <c r="J73" s="883"/>
      <c r="K73" s="327">
        <v>0</v>
      </c>
      <c r="L73" s="328">
        <v>0</v>
      </c>
    </row>
    <row r="74" spans="1:13" ht="10.5" x14ac:dyDescent="0.2">
      <c r="A74" s="158" t="s">
        <v>82</v>
      </c>
      <c r="B74" s="891">
        <v>1179764000</v>
      </c>
      <c r="C74" s="892"/>
      <c r="D74" s="891">
        <v>2177363772.4000001</v>
      </c>
      <c r="E74" s="892"/>
      <c r="F74" s="891">
        <v>975340095.68999994</v>
      </c>
      <c r="G74" s="892"/>
      <c r="H74" s="565">
        <v>44.794540446263184</v>
      </c>
      <c r="I74" s="891">
        <v>1908011967.1300001</v>
      </c>
      <c r="J74" s="892"/>
      <c r="K74" s="565">
        <v>87.629453163303666</v>
      </c>
      <c r="L74" s="566">
        <v>269351805.26999998</v>
      </c>
    </row>
    <row r="75" spans="1:13" ht="10.5" x14ac:dyDescent="0.2">
      <c r="A75" s="159" t="s">
        <v>83</v>
      </c>
      <c r="B75" s="889">
        <v>13057110000</v>
      </c>
      <c r="C75" s="890"/>
      <c r="D75" s="889">
        <v>15910244551.08</v>
      </c>
      <c r="E75" s="890"/>
      <c r="F75" s="889">
        <v>4417418024.9799995</v>
      </c>
      <c r="G75" s="890"/>
      <c r="H75" s="572">
        <v>27.764614244600921</v>
      </c>
      <c r="I75" s="889">
        <v>14572566971.010002</v>
      </c>
      <c r="J75" s="890"/>
      <c r="K75" s="573">
        <v>91.592350602937813</v>
      </c>
      <c r="L75" s="574">
        <v>1337677580.0699997</v>
      </c>
      <c r="M75" s="329"/>
    </row>
    <row r="76" spans="1:13" ht="10.5" x14ac:dyDescent="0.2">
      <c r="A76" s="330" t="s">
        <v>361</v>
      </c>
      <c r="B76" s="848"/>
      <c r="C76" s="849"/>
      <c r="D76" s="848"/>
      <c r="E76" s="849"/>
      <c r="F76" s="848"/>
      <c r="G76" s="849"/>
      <c r="H76" s="575">
        <v>0</v>
      </c>
      <c r="I76" s="848"/>
      <c r="J76" s="849"/>
      <c r="K76" s="628">
        <v>0</v>
      </c>
      <c r="L76" s="628"/>
    </row>
    <row r="77" spans="1:13" ht="10.5" x14ac:dyDescent="0.2">
      <c r="A77" s="157" t="s">
        <v>310</v>
      </c>
      <c r="B77" s="576"/>
      <c r="C77" s="577"/>
      <c r="D77" s="576"/>
      <c r="E77" s="577"/>
      <c r="F77" s="576"/>
      <c r="G77" s="577"/>
      <c r="H77" s="568">
        <v>0</v>
      </c>
      <c r="I77" s="576"/>
      <c r="J77" s="577"/>
      <c r="K77" s="634">
        <v>0</v>
      </c>
      <c r="L77" s="634"/>
    </row>
    <row r="78" spans="1:13" ht="10.5" x14ac:dyDescent="0.2">
      <c r="A78" s="30" t="s">
        <v>55</v>
      </c>
      <c r="B78" s="568"/>
      <c r="C78" s="578"/>
      <c r="D78" s="568"/>
      <c r="E78" s="578"/>
      <c r="F78" s="568"/>
      <c r="G78" s="578"/>
      <c r="H78" s="568">
        <v>0</v>
      </c>
      <c r="I78" s="568"/>
      <c r="J78" s="578"/>
      <c r="K78" s="634">
        <v>0</v>
      </c>
      <c r="L78" s="634"/>
    </row>
    <row r="79" spans="1:13" ht="10.5" x14ac:dyDescent="0.2">
      <c r="A79" s="62" t="s">
        <v>56</v>
      </c>
      <c r="B79" s="568"/>
      <c r="C79" s="578"/>
      <c r="D79" s="568"/>
      <c r="E79" s="578"/>
      <c r="F79" s="568"/>
      <c r="G79" s="578"/>
      <c r="H79" s="568">
        <v>0</v>
      </c>
      <c r="I79" s="568"/>
      <c r="J79" s="578"/>
      <c r="K79" s="634">
        <v>0</v>
      </c>
      <c r="L79" s="634"/>
    </row>
    <row r="80" spans="1:13" ht="10.5" x14ac:dyDescent="0.2">
      <c r="A80" s="157" t="s">
        <v>311</v>
      </c>
      <c r="B80" s="568"/>
      <c r="C80" s="578"/>
      <c r="D80" s="568"/>
      <c r="E80" s="578"/>
      <c r="F80" s="568"/>
      <c r="G80" s="578"/>
      <c r="H80" s="568">
        <v>0</v>
      </c>
      <c r="I80" s="568"/>
      <c r="J80" s="578"/>
      <c r="K80" s="634">
        <v>0</v>
      </c>
      <c r="L80" s="634"/>
    </row>
    <row r="81" spans="1:13" ht="10.5" x14ac:dyDescent="0.2">
      <c r="A81" s="30" t="s">
        <v>55</v>
      </c>
      <c r="B81" s="568"/>
      <c r="C81" s="578"/>
      <c r="D81" s="568"/>
      <c r="E81" s="578"/>
      <c r="F81" s="568"/>
      <c r="G81" s="578"/>
      <c r="H81" s="568">
        <v>0</v>
      </c>
      <c r="I81" s="568"/>
      <c r="J81" s="578"/>
      <c r="K81" s="634">
        <v>0</v>
      </c>
      <c r="L81" s="634"/>
    </row>
    <row r="82" spans="1:13" ht="10.5" x14ac:dyDescent="0.2">
      <c r="A82" s="62" t="s">
        <v>56</v>
      </c>
      <c r="B82" s="571"/>
      <c r="C82" s="579"/>
      <c r="D82" s="571"/>
      <c r="E82" s="579"/>
      <c r="F82" s="571"/>
      <c r="G82" s="579"/>
      <c r="H82" s="568">
        <v>0</v>
      </c>
      <c r="I82" s="571"/>
      <c r="J82" s="579"/>
      <c r="K82" s="639">
        <v>0</v>
      </c>
      <c r="L82" s="639"/>
    </row>
    <row r="83" spans="1:13" ht="10.5" x14ac:dyDescent="0.2">
      <c r="A83" s="159" t="s">
        <v>57</v>
      </c>
      <c r="B83" s="889">
        <v>13057110000</v>
      </c>
      <c r="C83" s="890"/>
      <c r="D83" s="889">
        <v>15910244551.08</v>
      </c>
      <c r="E83" s="890"/>
      <c r="F83" s="889">
        <v>4417418024.9799995</v>
      </c>
      <c r="G83" s="890"/>
      <c r="H83" s="574">
        <v>27.764614244600921</v>
      </c>
      <c r="I83" s="889">
        <v>14572566971.010002</v>
      </c>
      <c r="J83" s="890"/>
      <c r="K83" s="580">
        <v>91.592350602937813</v>
      </c>
      <c r="L83" s="574">
        <v>1337677580.0699997</v>
      </c>
      <c r="M83" s="29"/>
    </row>
    <row r="84" spans="1:13" ht="10.5" x14ac:dyDescent="0.2">
      <c r="A84" s="160" t="s">
        <v>84</v>
      </c>
      <c r="B84" s="889">
        <v>0</v>
      </c>
      <c r="C84" s="890"/>
      <c r="D84" s="889">
        <v>0</v>
      </c>
      <c r="E84" s="890"/>
      <c r="F84" s="889">
        <v>0</v>
      </c>
      <c r="G84" s="890"/>
      <c r="H84" s="574">
        <v>0</v>
      </c>
      <c r="I84" s="889">
        <v>112938357.97999573</v>
      </c>
      <c r="J84" s="890"/>
      <c r="K84" s="581">
        <v>0</v>
      </c>
      <c r="L84" s="635">
        <v>0</v>
      </c>
    </row>
    <row r="85" spans="1:13" ht="15" customHeight="1" x14ac:dyDescent="0.2">
      <c r="A85" s="28" t="s">
        <v>85</v>
      </c>
      <c r="B85" s="831">
        <v>13057110000</v>
      </c>
      <c r="C85" s="832"/>
      <c r="D85" s="831">
        <v>15910244551.08</v>
      </c>
      <c r="E85" s="832"/>
      <c r="F85" s="831">
        <v>4417418024.9799995</v>
      </c>
      <c r="G85" s="832"/>
      <c r="H85" s="626">
        <v>27.764614244600921</v>
      </c>
      <c r="I85" s="831">
        <v>14685505328.989998</v>
      </c>
      <c r="J85" s="832"/>
      <c r="K85" s="626">
        <v>92.302197378814867</v>
      </c>
      <c r="L85" s="582">
        <v>1337677580.0699997</v>
      </c>
    </row>
    <row r="86" spans="1:13" ht="21" x14ac:dyDescent="0.2">
      <c r="A86" s="431" t="s">
        <v>58</v>
      </c>
      <c r="B86" s="833">
        <v>0</v>
      </c>
      <c r="C86" s="834"/>
      <c r="D86" s="848">
        <v>0</v>
      </c>
      <c r="E86" s="849"/>
      <c r="F86" s="848">
        <v>0</v>
      </c>
      <c r="G86" s="849"/>
      <c r="H86" s="583">
        <v>0</v>
      </c>
      <c r="I86" s="848">
        <v>0</v>
      </c>
      <c r="J86" s="849"/>
      <c r="K86" s="583">
        <v>0</v>
      </c>
      <c r="L86" s="628" t="s">
        <v>156</v>
      </c>
    </row>
    <row r="87" spans="1:13" ht="10.5" x14ac:dyDescent="0.2">
      <c r="A87" s="432" t="s">
        <v>355</v>
      </c>
      <c r="B87" s="833">
        <v>0</v>
      </c>
      <c r="C87" s="834"/>
      <c r="D87" s="848">
        <v>0</v>
      </c>
      <c r="E87" s="849"/>
      <c r="F87" s="848">
        <v>0</v>
      </c>
      <c r="G87" s="849"/>
      <c r="H87" s="583">
        <v>0</v>
      </c>
      <c r="I87" s="848">
        <v>0</v>
      </c>
      <c r="J87" s="849"/>
      <c r="K87" s="583">
        <v>0</v>
      </c>
      <c r="L87" s="628" t="s">
        <v>156</v>
      </c>
    </row>
    <row r="88" spans="1:13" ht="10.5" x14ac:dyDescent="0.2">
      <c r="A88" s="433" t="s">
        <v>354</v>
      </c>
      <c r="B88" s="848">
        <v>0</v>
      </c>
      <c r="C88" s="849"/>
      <c r="D88" s="848">
        <v>0</v>
      </c>
      <c r="E88" s="849"/>
      <c r="F88" s="848">
        <v>0</v>
      </c>
      <c r="G88" s="849"/>
      <c r="H88" s="583">
        <v>0</v>
      </c>
      <c r="I88" s="848">
        <v>0</v>
      </c>
      <c r="J88" s="849"/>
      <c r="K88" s="583">
        <v>0</v>
      </c>
      <c r="L88" s="628" t="s">
        <v>156</v>
      </c>
    </row>
    <row r="89" spans="1:13" ht="5.0999999999999996" customHeight="1" x14ac:dyDescent="0.2">
      <c r="F89" s="63"/>
      <c r="G89" s="63"/>
      <c r="H89" s="63"/>
      <c r="I89" s="63"/>
      <c r="J89" s="63"/>
      <c r="K89" s="63"/>
      <c r="L89" s="63"/>
    </row>
    <row r="90" spans="1:13" ht="5.0999999999999996" customHeight="1" x14ac:dyDescent="0.2">
      <c r="E90" s="611"/>
      <c r="F90" s="63"/>
      <c r="G90" s="529"/>
      <c r="H90" s="529"/>
      <c r="I90" s="529"/>
      <c r="J90" s="63"/>
      <c r="K90" s="63"/>
      <c r="L90" s="63"/>
    </row>
    <row r="91" spans="1:13" ht="14.25" customHeight="1" x14ac:dyDescent="0.2">
      <c r="A91" s="855" t="s">
        <v>868</v>
      </c>
      <c r="B91" s="64" t="s">
        <v>157</v>
      </c>
      <c r="C91" s="64" t="s">
        <v>157</v>
      </c>
      <c r="D91" s="837" t="s">
        <v>158</v>
      </c>
      <c r="E91" s="847"/>
      <c r="F91" s="897" t="s">
        <v>161</v>
      </c>
      <c r="G91" s="837" t="s">
        <v>159</v>
      </c>
      <c r="H91" s="838"/>
      <c r="I91" s="897" t="s">
        <v>161</v>
      </c>
      <c r="J91" s="853" t="s">
        <v>538</v>
      </c>
      <c r="K91" s="839" t="s">
        <v>639</v>
      </c>
      <c r="L91" s="840"/>
    </row>
    <row r="92" spans="1:13" ht="27" customHeight="1" x14ac:dyDescent="0.15">
      <c r="A92" s="856"/>
      <c r="B92" s="65" t="s">
        <v>111</v>
      </c>
      <c r="C92" s="65" t="s">
        <v>112</v>
      </c>
      <c r="D92" s="598" t="s">
        <v>433</v>
      </c>
      <c r="E92" s="598" t="s">
        <v>434</v>
      </c>
      <c r="F92" s="898"/>
      <c r="G92" s="598" t="s">
        <v>433</v>
      </c>
      <c r="H92" s="599" t="s">
        <v>434</v>
      </c>
      <c r="I92" s="898"/>
      <c r="J92" s="854"/>
      <c r="K92" s="841"/>
      <c r="L92" s="842"/>
    </row>
    <row r="93" spans="1:13" ht="10.5" x14ac:dyDescent="0.2">
      <c r="A93" s="856"/>
      <c r="B93" s="65"/>
      <c r="C93" s="65"/>
      <c r="D93" s="67" t="s">
        <v>121</v>
      </c>
      <c r="E93" s="67" t="s">
        <v>121</v>
      </c>
      <c r="F93" s="898"/>
      <c r="G93" s="67" t="s">
        <v>121</v>
      </c>
      <c r="H93" s="67" t="s">
        <v>121</v>
      </c>
      <c r="I93" s="898"/>
      <c r="J93" s="854"/>
      <c r="K93" s="841"/>
      <c r="L93" s="842"/>
    </row>
    <row r="94" spans="1:13" s="515" customFormat="1" ht="15" customHeight="1" x14ac:dyDescent="0.2">
      <c r="A94" s="857"/>
      <c r="B94" s="512" t="s">
        <v>162</v>
      </c>
      <c r="C94" s="512" t="s">
        <v>163</v>
      </c>
      <c r="D94" s="514"/>
      <c r="E94" s="512" t="s">
        <v>233</v>
      </c>
      <c r="F94" s="513" t="s">
        <v>542</v>
      </c>
      <c r="G94" s="514"/>
      <c r="H94" s="512" t="s">
        <v>165</v>
      </c>
      <c r="I94" s="512" t="s">
        <v>543</v>
      </c>
      <c r="J94" s="512" t="s">
        <v>350</v>
      </c>
      <c r="K94" s="843"/>
      <c r="L94" s="844"/>
    </row>
    <row r="95" spans="1:13" s="49" customFormat="1" ht="10.5" x14ac:dyDescent="0.2">
      <c r="A95" s="162" t="s">
        <v>362</v>
      </c>
      <c r="B95" s="641">
        <v>12125839700</v>
      </c>
      <c r="C95" s="337">
        <v>14119739232.089998</v>
      </c>
      <c r="D95" s="337">
        <v>1591201621.4399998</v>
      </c>
      <c r="E95" s="337">
        <v>12538683431.800001</v>
      </c>
      <c r="F95" s="337">
        <v>1581055800.2899971</v>
      </c>
      <c r="G95" s="337">
        <v>2148199500.1399999</v>
      </c>
      <c r="H95" s="337">
        <v>11575077288.469999</v>
      </c>
      <c r="I95" s="337">
        <v>2544661943.6199989</v>
      </c>
      <c r="J95" s="337">
        <v>11182836560.400002</v>
      </c>
      <c r="K95" s="845">
        <v>963606143.32999969</v>
      </c>
      <c r="L95" s="846"/>
    </row>
    <row r="96" spans="1:13" s="49" customFormat="1" ht="10.5" x14ac:dyDescent="0.2">
      <c r="A96" s="69" t="s">
        <v>86</v>
      </c>
      <c r="B96" s="641">
        <v>10009392800</v>
      </c>
      <c r="C96" s="337">
        <v>11947330575.689999</v>
      </c>
      <c r="D96" s="337">
        <v>1444381691.1999998</v>
      </c>
      <c r="E96" s="337">
        <v>10879825141.540001</v>
      </c>
      <c r="F96" s="337">
        <v>1067505434.1500001</v>
      </c>
      <c r="G96" s="337">
        <v>1811074124.5</v>
      </c>
      <c r="H96" s="337">
        <v>10141138510</v>
      </c>
      <c r="I96" s="337">
        <v>1806192065.6899996</v>
      </c>
      <c r="J96" s="337">
        <v>9768454807.7400017</v>
      </c>
      <c r="K96" s="851">
        <v>738686631.5399996</v>
      </c>
      <c r="L96" s="852"/>
    </row>
    <row r="97" spans="1:12" s="49" customFormat="1" ht="10.5" x14ac:dyDescent="0.2">
      <c r="A97" s="69" t="s">
        <v>87</v>
      </c>
      <c r="B97" s="327">
        <v>5134540600</v>
      </c>
      <c r="C97" s="327">
        <v>6583620272.5500002</v>
      </c>
      <c r="D97" s="327">
        <v>1093732162.5699999</v>
      </c>
      <c r="E97" s="327">
        <v>6279538969.5100002</v>
      </c>
      <c r="F97" s="327">
        <v>304081303.03999996</v>
      </c>
      <c r="G97" s="327">
        <v>1011635015.42</v>
      </c>
      <c r="H97" s="327">
        <v>5746895630.9300003</v>
      </c>
      <c r="I97" s="327">
        <v>836724641.61999989</v>
      </c>
      <c r="J97" s="327">
        <v>5487915024.2600002</v>
      </c>
      <c r="K97" s="835">
        <v>532643338.57999992</v>
      </c>
      <c r="L97" s="836"/>
    </row>
    <row r="98" spans="1:12" ht="10.5" x14ac:dyDescent="0.2">
      <c r="A98" s="69" t="s">
        <v>88</v>
      </c>
      <c r="B98" s="327">
        <v>267800700</v>
      </c>
      <c r="C98" s="327">
        <v>274955943</v>
      </c>
      <c r="D98" s="327">
        <v>9459656.0500000007</v>
      </c>
      <c r="E98" s="327">
        <v>274718463.75999999</v>
      </c>
      <c r="F98" s="327">
        <v>237479.24000000954</v>
      </c>
      <c r="G98" s="327">
        <v>46031380.079999998</v>
      </c>
      <c r="H98" s="327">
        <v>274716676.85000002</v>
      </c>
      <c r="I98" s="327">
        <v>239266.14999997616</v>
      </c>
      <c r="J98" s="327">
        <v>274716450.68000001</v>
      </c>
      <c r="K98" s="835">
        <v>1786.9099999666214</v>
      </c>
      <c r="L98" s="836"/>
    </row>
    <row r="99" spans="1:12" ht="10.5" x14ac:dyDescent="0.2">
      <c r="A99" s="69" t="s">
        <v>89</v>
      </c>
      <c r="B99" s="429">
        <v>4607051500</v>
      </c>
      <c r="C99" s="327">
        <v>5088754360.1399994</v>
      </c>
      <c r="D99" s="327">
        <v>341189872.58000004</v>
      </c>
      <c r="E99" s="327">
        <v>4325567708.2699995</v>
      </c>
      <c r="F99" s="327">
        <v>763186651.87000012</v>
      </c>
      <c r="G99" s="327">
        <v>753407729</v>
      </c>
      <c r="H99" s="327">
        <v>4119526202.2200003</v>
      </c>
      <c r="I99" s="327">
        <v>969228157.91999984</v>
      </c>
      <c r="J99" s="327">
        <v>4005823332.8000002</v>
      </c>
      <c r="K99" s="835">
        <v>206041506.04999971</v>
      </c>
      <c r="L99" s="836"/>
    </row>
    <row r="100" spans="1:12" ht="10.5" x14ac:dyDescent="0.2">
      <c r="A100" s="70" t="s">
        <v>739</v>
      </c>
      <c r="B100" s="327">
        <v>2079676200</v>
      </c>
      <c r="C100" s="327">
        <v>2161629085.71</v>
      </c>
      <c r="D100" s="327">
        <v>113863792.03</v>
      </c>
      <c r="E100" s="327">
        <v>2074923692.03</v>
      </c>
      <c r="F100" s="327">
        <v>86705393.680000067</v>
      </c>
      <c r="G100" s="327">
        <v>290997405.67000002</v>
      </c>
      <c r="H100" s="327">
        <v>1998591751.1500001</v>
      </c>
      <c r="I100" s="327">
        <v>163037334.55999994</v>
      </c>
      <c r="J100" s="327">
        <v>1992091751.1500001</v>
      </c>
      <c r="K100" s="835">
        <v>76331940.879999876</v>
      </c>
      <c r="L100" s="836"/>
    </row>
    <row r="101" spans="1:12" ht="10.5" x14ac:dyDescent="0.2">
      <c r="A101" s="70" t="s">
        <v>740</v>
      </c>
      <c r="B101" s="327">
        <v>2527375300</v>
      </c>
      <c r="C101" s="327">
        <v>2927125274.4299998</v>
      </c>
      <c r="D101" s="327">
        <v>227326080.55000001</v>
      </c>
      <c r="E101" s="327">
        <v>2250644016.2399998</v>
      </c>
      <c r="F101" s="327">
        <v>676481258.19000006</v>
      </c>
      <c r="G101" s="327">
        <v>462410323.32999998</v>
      </c>
      <c r="H101" s="327">
        <v>2120934451.0699999</v>
      </c>
      <c r="I101" s="327">
        <v>806190823.3599999</v>
      </c>
      <c r="J101" s="327">
        <v>2013731581.6500001</v>
      </c>
      <c r="K101" s="835">
        <v>129709565.16999984</v>
      </c>
      <c r="L101" s="836"/>
    </row>
    <row r="102" spans="1:12" s="49" customFormat="1" ht="10.5" x14ac:dyDescent="0.2">
      <c r="A102" s="69" t="s">
        <v>90</v>
      </c>
      <c r="B102" s="641">
        <v>1999571700</v>
      </c>
      <c r="C102" s="337">
        <v>2172408656.4000001</v>
      </c>
      <c r="D102" s="337">
        <v>146819930.24000001</v>
      </c>
      <c r="E102" s="337">
        <v>1658858290.26</v>
      </c>
      <c r="F102" s="337">
        <v>513550366.1400001</v>
      </c>
      <c r="G102" s="337">
        <v>337125375.63999999</v>
      </c>
      <c r="H102" s="337">
        <v>1433938778.47</v>
      </c>
      <c r="I102" s="337">
        <v>738469877.93000007</v>
      </c>
      <c r="J102" s="337">
        <v>1414381752.6599998</v>
      </c>
      <c r="K102" s="851">
        <v>224919511.79000002</v>
      </c>
      <c r="L102" s="852"/>
    </row>
    <row r="103" spans="1:12" ht="10.5" x14ac:dyDescent="0.2">
      <c r="A103" s="63" t="s">
        <v>91</v>
      </c>
      <c r="B103" s="327">
        <v>1222433500</v>
      </c>
      <c r="C103" s="327">
        <v>1227515476.4000001</v>
      </c>
      <c r="D103" s="754">
        <v>-24244516.079999998</v>
      </c>
      <c r="E103" s="327">
        <v>716372821.41999996</v>
      </c>
      <c r="F103" s="327">
        <v>511142654.98000014</v>
      </c>
      <c r="G103" s="327">
        <v>112192754.51000001</v>
      </c>
      <c r="H103" s="327">
        <v>491487310.06999999</v>
      </c>
      <c r="I103" s="327">
        <v>736028166.33000016</v>
      </c>
      <c r="J103" s="327">
        <v>471930284.25999999</v>
      </c>
      <c r="K103" s="835">
        <v>224885511.34999996</v>
      </c>
      <c r="L103" s="836"/>
    </row>
    <row r="104" spans="1:12" ht="10.5" x14ac:dyDescent="0.2">
      <c r="A104" s="63" t="s">
        <v>92</v>
      </c>
      <c r="B104" s="327">
        <v>13788800</v>
      </c>
      <c r="C104" s="327">
        <v>2597074</v>
      </c>
      <c r="D104" s="327">
        <v>0</v>
      </c>
      <c r="E104" s="327">
        <v>473411.76</v>
      </c>
      <c r="F104" s="327">
        <v>2123662.2400000002</v>
      </c>
      <c r="G104" s="327">
        <v>0</v>
      </c>
      <c r="H104" s="327">
        <v>473411.76</v>
      </c>
      <c r="I104" s="327">
        <v>2123662.2400000002</v>
      </c>
      <c r="J104" s="327">
        <v>473411.76</v>
      </c>
      <c r="K104" s="835">
        <v>0</v>
      </c>
      <c r="L104" s="836"/>
    </row>
    <row r="105" spans="1:12" ht="10.5" x14ac:dyDescent="0.2">
      <c r="A105" s="63" t="s">
        <v>93</v>
      </c>
      <c r="B105" s="327">
        <v>763349400</v>
      </c>
      <c r="C105" s="327">
        <v>942296106</v>
      </c>
      <c r="D105" s="327">
        <v>171064446.31999999</v>
      </c>
      <c r="E105" s="327">
        <v>942012057.08000004</v>
      </c>
      <c r="F105" s="327">
        <v>284048.91999995708</v>
      </c>
      <c r="G105" s="327">
        <v>224932621.13</v>
      </c>
      <c r="H105" s="327">
        <v>941978056.63999999</v>
      </c>
      <c r="I105" s="327">
        <v>318049.36000001431</v>
      </c>
      <c r="J105" s="327">
        <v>941978056.63999999</v>
      </c>
      <c r="K105" s="835">
        <v>34000.44000005722</v>
      </c>
      <c r="L105" s="836"/>
    </row>
    <row r="106" spans="1:12" ht="10.5" x14ac:dyDescent="0.2">
      <c r="A106" s="63" t="s">
        <v>94</v>
      </c>
      <c r="B106" s="328">
        <v>87915000</v>
      </c>
      <c r="C106" s="608"/>
      <c r="D106" s="327">
        <v>0</v>
      </c>
      <c r="E106" s="327">
        <v>0</v>
      </c>
      <c r="F106" s="327">
        <v>0</v>
      </c>
      <c r="G106" s="327">
        <v>0</v>
      </c>
      <c r="H106" s="327">
        <v>0</v>
      </c>
      <c r="I106" s="327">
        <v>0</v>
      </c>
      <c r="J106" s="327">
        <v>0</v>
      </c>
      <c r="K106" s="835">
        <v>0</v>
      </c>
      <c r="L106" s="836"/>
    </row>
    <row r="107" spans="1:12" ht="10.5" x14ac:dyDescent="0.2">
      <c r="A107" s="63" t="s">
        <v>95</v>
      </c>
      <c r="B107" s="328">
        <v>28960200</v>
      </c>
      <c r="C107" s="327">
        <v>0</v>
      </c>
      <c r="D107" s="327">
        <v>0</v>
      </c>
      <c r="E107" s="327">
        <v>0</v>
      </c>
      <c r="F107" s="327">
        <v>0</v>
      </c>
      <c r="G107" s="327">
        <v>0</v>
      </c>
      <c r="H107" s="327">
        <v>0</v>
      </c>
      <c r="I107" s="327">
        <v>0</v>
      </c>
      <c r="J107" s="327">
        <v>0</v>
      </c>
      <c r="K107" s="835">
        <v>0</v>
      </c>
      <c r="L107" s="836"/>
    </row>
    <row r="108" spans="1:12" s="49" customFormat="1" ht="10.5" x14ac:dyDescent="0.2">
      <c r="A108" s="69" t="s">
        <v>96</v>
      </c>
      <c r="B108" s="349">
        <v>931270300</v>
      </c>
      <c r="C108" s="349">
        <v>2212192140.1000004</v>
      </c>
      <c r="D108" s="349">
        <v>360974377.22999996</v>
      </c>
      <c r="E108" s="349">
        <v>2146821897.1900001</v>
      </c>
      <c r="F108" s="349">
        <v>65370242.910000324</v>
      </c>
      <c r="G108" s="349">
        <v>441937532.48000002</v>
      </c>
      <c r="H108" s="349">
        <v>2023172051.3800001</v>
      </c>
      <c r="I108" s="349">
        <v>189020088.72000027</v>
      </c>
      <c r="J108" s="349">
        <v>1944154177.74</v>
      </c>
      <c r="K108" s="893">
        <v>123649845.80999994</v>
      </c>
      <c r="L108" s="894"/>
    </row>
    <row r="109" spans="1:12" s="49" customFormat="1" ht="10.5" x14ac:dyDescent="0.2">
      <c r="A109" s="126" t="s">
        <v>97</v>
      </c>
      <c r="B109" s="631">
        <v>13057110000</v>
      </c>
      <c r="C109" s="631">
        <v>16331931372.189999</v>
      </c>
      <c r="D109" s="631">
        <v>1952175998.6699998</v>
      </c>
      <c r="E109" s="631">
        <v>14685505328.990002</v>
      </c>
      <c r="F109" s="631">
        <v>1646426043.1999974</v>
      </c>
      <c r="G109" s="631">
        <v>2590137032.6199999</v>
      </c>
      <c r="H109" s="631">
        <v>13598249339.849998</v>
      </c>
      <c r="I109" s="631">
        <v>2733682032.3399992</v>
      </c>
      <c r="J109" s="620">
        <v>13126990738.140001</v>
      </c>
      <c r="K109" s="858">
        <v>1087255989.1399996</v>
      </c>
      <c r="L109" s="859"/>
    </row>
    <row r="110" spans="1:12" ht="10.5" x14ac:dyDescent="0.2">
      <c r="A110" s="330" t="s">
        <v>363</v>
      </c>
      <c r="B110" s="333">
        <v>0</v>
      </c>
      <c r="C110" s="333">
        <v>0</v>
      </c>
      <c r="D110" s="333">
        <v>0</v>
      </c>
      <c r="E110" s="333">
        <v>0</v>
      </c>
      <c r="F110" s="333">
        <v>0</v>
      </c>
      <c r="G110" s="333">
        <v>0</v>
      </c>
      <c r="H110" s="333">
        <v>0</v>
      </c>
      <c r="I110" s="333">
        <v>0</v>
      </c>
      <c r="J110" s="333">
        <v>0</v>
      </c>
      <c r="K110" s="895">
        <v>0</v>
      </c>
      <c r="L110" s="896"/>
    </row>
    <row r="111" spans="1:12" s="49" customFormat="1" ht="10.5" hidden="1" customHeight="1" x14ac:dyDescent="0.2">
      <c r="A111" s="157" t="s">
        <v>3</v>
      </c>
      <c r="B111" s="629">
        <v>0</v>
      </c>
      <c r="C111" s="629">
        <v>0</v>
      </c>
      <c r="D111" s="629">
        <v>0</v>
      </c>
      <c r="E111" s="629">
        <v>0</v>
      </c>
      <c r="F111" s="629">
        <v>0</v>
      </c>
      <c r="G111" s="629">
        <v>0</v>
      </c>
      <c r="H111" s="629">
        <v>0</v>
      </c>
      <c r="I111" s="629">
        <v>0</v>
      </c>
      <c r="J111" s="349">
        <v>0</v>
      </c>
      <c r="K111" s="845">
        <v>0</v>
      </c>
      <c r="L111" s="846"/>
    </row>
    <row r="112" spans="1:12" ht="10.5" hidden="1" customHeight="1" x14ac:dyDescent="0.2">
      <c r="A112" s="30" t="s">
        <v>1</v>
      </c>
      <c r="B112" s="328"/>
      <c r="C112" s="328"/>
      <c r="D112" s="327"/>
      <c r="E112" s="328"/>
      <c r="F112" s="327"/>
      <c r="G112" s="627"/>
      <c r="H112" s="627"/>
      <c r="I112" s="627"/>
      <c r="J112" s="327"/>
      <c r="K112" s="835"/>
      <c r="L112" s="836"/>
    </row>
    <row r="113" spans="1:12" ht="10.5" hidden="1" customHeight="1" x14ac:dyDescent="0.2">
      <c r="A113" s="30" t="s">
        <v>2</v>
      </c>
      <c r="B113" s="328"/>
      <c r="C113" s="328"/>
      <c r="D113" s="327"/>
      <c r="E113" s="328"/>
      <c r="F113" s="327"/>
      <c r="G113" s="627"/>
      <c r="H113" s="627"/>
      <c r="I113" s="627"/>
      <c r="J113" s="327"/>
      <c r="K113" s="835"/>
      <c r="L113" s="836"/>
    </row>
    <row r="114" spans="1:12" s="49" customFormat="1" ht="10.5" hidden="1" customHeight="1" x14ac:dyDescent="0.2">
      <c r="A114" s="157" t="s">
        <v>4</v>
      </c>
      <c r="B114" s="629">
        <v>0</v>
      </c>
      <c r="C114" s="629">
        <v>0</v>
      </c>
      <c r="D114" s="629">
        <v>0</v>
      </c>
      <c r="E114" s="629">
        <v>0</v>
      </c>
      <c r="F114" s="629">
        <v>0</v>
      </c>
      <c r="G114" s="629">
        <v>0</v>
      </c>
      <c r="H114" s="629">
        <v>0</v>
      </c>
      <c r="I114" s="629">
        <v>0</v>
      </c>
      <c r="J114" s="349">
        <v>0</v>
      </c>
      <c r="K114" s="851">
        <v>0</v>
      </c>
      <c r="L114" s="852"/>
    </row>
    <row r="115" spans="1:12" ht="10.5" hidden="1" customHeight="1" x14ac:dyDescent="0.2">
      <c r="A115" s="30" t="s">
        <v>1</v>
      </c>
      <c r="B115" s="328"/>
      <c r="C115" s="328"/>
      <c r="D115" s="327"/>
      <c r="E115" s="328"/>
      <c r="F115" s="327"/>
      <c r="G115" s="627"/>
      <c r="H115" s="627"/>
      <c r="I115" s="627"/>
      <c r="J115" s="327"/>
      <c r="K115" s="835"/>
      <c r="L115" s="836"/>
    </row>
    <row r="116" spans="1:12" ht="10.5" hidden="1" customHeight="1" x14ac:dyDescent="0.2">
      <c r="A116" s="31" t="s">
        <v>2</v>
      </c>
      <c r="B116" s="338"/>
      <c r="C116" s="338"/>
      <c r="D116" s="336"/>
      <c r="E116" s="338"/>
      <c r="F116" s="336"/>
      <c r="G116" s="632"/>
      <c r="H116" s="632"/>
      <c r="I116" s="632"/>
      <c r="J116" s="336"/>
      <c r="K116" s="862"/>
      <c r="L116" s="863"/>
    </row>
    <row r="117" spans="1:12" ht="10.5" x14ac:dyDescent="0.2">
      <c r="A117" s="161" t="s">
        <v>98</v>
      </c>
      <c r="B117" s="405">
        <v>13057110000</v>
      </c>
      <c r="C117" s="405">
        <v>16331931372.189999</v>
      </c>
      <c r="D117" s="405">
        <v>1952175998.6699998</v>
      </c>
      <c r="E117" s="405">
        <v>14685505328.990002</v>
      </c>
      <c r="F117" s="405">
        <v>1646426043.1999974</v>
      </c>
      <c r="G117" s="405">
        <v>2590137032.6199999</v>
      </c>
      <c r="H117" s="405">
        <v>13598249339.849998</v>
      </c>
      <c r="I117" s="405">
        <v>2733682032.3399992</v>
      </c>
      <c r="J117" s="405">
        <v>13126990738.140001</v>
      </c>
      <c r="K117" s="858">
        <v>1087255989.1399996</v>
      </c>
      <c r="L117" s="859"/>
    </row>
    <row r="118" spans="1:12" ht="10.5" x14ac:dyDescent="0.2">
      <c r="A118" s="161" t="s">
        <v>99</v>
      </c>
      <c r="B118" s="631"/>
      <c r="C118" s="631"/>
      <c r="D118" s="631"/>
      <c r="E118" s="631"/>
      <c r="F118" s="631"/>
      <c r="G118" s="631"/>
      <c r="H118" s="633">
        <v>0</v>
      </c>
      <c r="I118" s="620"/>
      <c r="J118" s="621"/>
      <c r="K118" s="859"/>
      <c r="L118" s="859"/>
    </row>
    <row r="119" spans="1:12" ht="15" customHeight="1" x14ac:dyDescent="0.2">
      <c r="A119" s="68" t="s">
        <v>100</v>
      </c>
      <c r="B119" s="406">
        <v>13057110000</v>
      </c>
      <c r="C119" s="406">
        <v>16331931372.189999</v>
      </c>
      <c r="D119" s="406">
        <v>1952175998.6699998</v>
      </c>
      <c r="E119" s="406">
        <v>14685505328.990002</v>
      </c>
      <c r="F119" s="630">
        <v>1646426043.1999974</v>
      </c>
      <c r="G119" s="630">
        <v>2590137032.6199999</v>
      </c>
      <c r="H119" s="640">
        <v>13598249339.849998</v>
      </c>
      <c r="I119" s="630">
        <v>2733682032.3399992</v>
      </c>
      <c r="J119" s="350">
        <v>13126990738.140001</v>
      </c>
      <c r="K119" s="860">
        <v>1087255989.1399996</v>
      </c>
      <c r="L119" s="861"/>
    </row>
    <row r="120" spans="1:12" ht="11.25" customHeight="1" x14ac:dyDescent="0.2">
      <c r="A120" s="50" t="s">
        <v>863</v>
      </c>
      <c r="K120" s="850"/>
      <c r="L120" s="850"/>
    </row>
    <row r="121" spans="1:12" ht="11.25" customHeight="1" x14ac:dyDescent="0.2">
      <c r="B121" s="611"/>
      <c r="C121" s="611"/>
      <c r="D121" s="215"/>
      <c r="F121" s="611"/>
      <c r="L121" s="611"/>
    </row>
    <row r="122" spans="1:12" ht="11.25" customHeight="1" x14ac:dyDescent="0.2">
      <c r="B122" s="215"/>
      <c r="C122" s="611"/>
      <c r="D122" s="215"/>
      <c r="G122" s="215"/>
      <c r="J122" s="611"/>
    </row>
    <row r="123" spans="1:12" ht="11.25" customHeight="1" x14ac:dyDescent="0.2">
      <c r="C123" s="611"/>
      <c r="D123" s="215"/>
      <c r="E123" s="215"/>
      <c r="G123" s="215"/>
      <c r="H123" s="215"/>
      <c r="J123" s="611"/>
    </row>
    <row r="124" spans="1:12" ht="11.25" customHeight="1" x14ac:dyDescent="0.2">
      <c r="B124" s="215"/>
      <c r="C124" s="611"/>
      <c r="D124" s="215"/>
    </row>
    <row r="125" spans="1:12" ht="11.25" customHeight="1" x14ac:dyDescent="0.2">
      <c r="B125" s="215"/>
      <c r="C125" s="611"/>
      <c r="D125" s="215"/>
      <c r="E125" s="215"/>
      <c r="J125" s="611"/>
    </row>
    <row r="126" spans="1:12" ht="11.25" customHeight="1" x14ac:dyDescent="0.2">
      <c r="B126" s="215"/>
      <c r="C126" s="611"/>
      <c r="D126" s="215"/>
      <c r="J126" s="611"/>
    </row>
    <row r="127" spans="1:12" ht="11.25" customHeight="1" x14ac:dyDescent="0.2">
      <c r="D127" s="215"/>
      <c r="J127" s="611"/>
    </row>
    <row r="128" spans="1:12" ht="11.25" customHeight="1" x14ac:dyDescent="0.2">
      <c r="J128" s="611"/>
    </row>
  </sheetData>
  <dataConsolidate/>
  <customSheetViews>
    <customSheetView guid="{6DBFA32C-4AA4-4E1D-9A48-697377C64CC3}" scale="90" showPageBreaks="1" showGridLines="0" fitToPage="1" printArea="1" hiddenRows="1" topLeftCell="A110">
      <selection activeCell="I70" sqref="I70:J70"/>
      <rowBreaks count="1" manualBreakCount="1">
        <brk id="90" max="16383" man="1"/>
      </rowBreaks>
      <pageMargins left="0.19685039370078741" right="0.19685039370078741" top="0.19685039370078741" bottom="0.19685039370078741" header="0" footer="0.19685039370078741"/>
      <printOptions horizontalCentered="1"/>
      <pageSetup paperSize="9" scale="39" orientation="portrait" r:id="rId1"/>
      <headerFooter alignWithMargins="0"/>
    </customSheetView>
    <customSheetView guid="{25EF1E0D-169B-4051-B414-7E1196FC05E4}" showPageBreaks="1" showGridLines="0" fitToPage="1" printArea="1" topLeftCell="A88">
      <selection activeCell="E104" sqref="E104"/>
      <rowBreaks count="1" manualBreakCount="1">
        <brk id="97" max="16383" man="1"/>
      </rowBreaks>
      <pageMargins left="0.19685039370078741" right="0.19685039370078741" top="0.19685039370078741" bottom="0.19685039370078741" header="0" footer="0"/>
      <printOptions horizontalCentered="1"/>
      <pageSetup paperSize="9" scale="38" orientation="portrait" r:id="rId2"/>
      <headerFooter alignWithMargins="0"/>
    </customSheetView>
    <customSheetView guid="{82EDB5A4-4824-4632-A540-7A52C92F04C7}" scale="80" showPageBreaks="1" showGridLines="0" printArea="1" hiddenRows="1">
      <pane xSplit="1" ySplit="12" topLeftCell="C91" activePane="bottomRight" state="frozen"/>
      <selection pane="bottomRight" activeCell="E102" sqref="E102"/>
      <rowBreaks count="1" manualBreakCount="1">
        <brk id="90" max="16383" man="1"/>
      </rowBreaks>
      <pageMargins left="0.19685039370078741" right="0.19685039370078741" top="0.19685039370078741" bottom="0.19685039370078741" header="0" footer="0.19685039370078741"/>
      <printOptions horizontalCentered="1"/>
      <pageSetup paperSize="9" scale="55" orientation="landscape" r:id="rId3"/>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4"/>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5"/>
      <headerFooter alignWithMargins="0"/>
    </customSheetView>
    <customSheetView guid="{3AAF6A5F-F9AA-430B-9AD9-1261ECDF41B5}" showPageBreaks="1" showGridLines="0" fitToPage="1" printArea="1" topLeftCell="D43">
      <selection activeCell="I60" sqref="I60:J60"/>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6"/>
      <headerFooter alignWithMargins="0"/>
    </customSheetView>
    <customSheetView guid="{C779D862-DE28-46CD-A428-4AAA1056D1E1}" showGridLines="0" fitToPage="1" topLeftCell="A91">
      <selection activeCell="E102" sqref="E102"/>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7"/>
      <headerFooter alignWithMargins="0"/>
    </customSheetView>
  </customSheetViews>
  <mergeCells count="327">
    <mergeCell ref="B84:C84"/>
    <mergeCell ref="D84:E84"/>
    <mergeCell ref="F84:G84"/>
    <mergeCell ref="F83:G83"/>
    <mergeCell ref="K107:L107"/>
    <mergeCell ref="K108:L108"/>
    <mergeCell ref="K110:L110"/>
    <mergeCell ref="K102:L102"/>
    <mergeCell ref="K103:L103"/>
    <mergeCell ref="K104:L104"/>
    <mergeCell ref="K105:L105"/>
    <mergeCell ref="K106:L106"/>
    <mergeCell ref="B83:C83"/>
    <mergeCell ref="I83:J83"/>
    <mergeCell ref="F91:F93"/>
    <mergeCell ref="I91:I93"/>
    <mergeCell ref="D83:E83"/>
    <mergeCell ref="F85:G85"/>
    <mergeCell ref="D86:E86"/>
    <mergeCell ref="I86:J86"/>
    <mergeCell ref="D88:E88"/>
    <mergeCell ref="D85:E85"/>
    <mergeCell ref="D87:E87"/>
    <mergeCell ref="I84:J84"/>
    <mergeCell ref="B75:C75"/>
    <mergeCell ref="F75:G75"/>
    <mergeCell ref="I75:J75"/>
    <mergeCell ref="B76:C76"/>
    <mergeCell ref="D76:E76"/>
    <mergeCell ref="F76:G76"/>
    <mergeCell ref="I76:J76"/>
    <mergeCell ref="D75:E75"/>
    <mergeCell ref="B73:C73"/>
    <mergeCell ref="D73:E73"/>
    <mergeCell ref="F73:G73"/>
    <mergeCell ref="I73:J73"/>
    <mergeCell ref="B74:C74"/>
    <mergeCell ref="D74:E74"/>
    <mergeCell ref="F74:G74"/>
    <mergeCell ref="I74:J74"/>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35:C35"/>
    <mergeCell ref="D35:E35"/>
    <mergeCell ref="F35:G35"/>
    <mergeCell ref="I35:J35"/>
    <mergeCell ref="B38:C38"/>
    <mergeCell ref="D38:E38"/>
    <mergeCell ref="F38:G38"/>
    <mergeCell ref="I38:J38"/>
    <mergeCell ref="I33:J33"/>
    <mergeCell ref="B34:C34"/>
    <mergeCell ref="D34:E34"/>
    <mergeCell ref="F34:G34"/>
    <mergeCell ref="I34:J34"/>
    <mergeCell ref="B33:C33"/>
    <mergeCell ref="D33:E33"/>
    <mergeCell ref="F33:G33"/>
    <mergeCell ref="B37:C37"/>
    <mergeCell ref="D37:E37"/>
    <mergeCell ref="F37:G37"/>
    <mergeCell ref="I37:J37"/>
    <mergeCell ref="B36:C36"/>
    <mergeCell ref="D36:E36"/>
    <mergeCell ref="F36:G36"/>
    <mergeCell ref="I36:J36"/>
    <mergeCell ref="B32:C32"/>
    <mergeCell ref="D32:E32"/>
    <mergeCell ref="F32:G32"/>
    <mergeCell ref="I32:J32"/>
    <mergeCell ref="I25:J25"/>
    <mergeCell ref="B26:C26"/>
    <mergeCell ref="D26:E26"/>
    <mergeCell ref="F26:G26"/>
    <mergeCell ref="I26:J26"/>
    <mergeCell ref="B31:C31"/>
    <mergeCell ref="D31:E31"/>
    <mergeCell ref="F31:G31"/>
    <mergeCell ref="I31:J31"/>
    <mergeCell ref="B29:C29"/>
    <mergeCell ref="D29:E29"/>
    <mergeCell ref="F29:G29"/>
    <mergeCell ref="I29:J29"/>
    <mergeCell ref="B30:C30"/>
    <mergeCell ref="D30:E30"/>
    <mergeCell ref="F30:G30"/>
    <mergeCell ref="I30:J30"/>
    <mergeCell ref="B27:C27"/>
    <mergeCell ref="D27:E27"/>
    <mergeCell ref="F27:G27"/>
    <mergeCell ref="B17:C17"/>
    <mergeCell ref="D17:E17"/>
    <mergeCell ref="F17:G17"/>
    <mergeCell ref="I17:J17"/>
    <mergeCell ref="I18:J18"/>
    <mergeCell ref="B18:C18"/>
    <mergeCell ref="D18:E18"/>
    <mergeCell ref="F18:G18"/>
    <mergeCell ref="B16:C16"/>
    <mergeCell ref="D16:E16"/>
    <mergeCell ref="F16:G16"/>
    <mergeCell ref="D22:E22"/>
    <mergeCell ref="F22:G22"/>
    <mergeCell ref="I21:J21"/>
    <mergeCell ref="I22:J22"/>
    <mergeCell ref="B28:C28"/>
    <mergeCell ref="D28:E28"/>
    <mergeCell ref="F28:G28"/>
    <mergeCell ref="I28:J28"/>
    <mergeCell ref="B23:C23"/>
    <mergeCell ref="D23:E23"/>
    <mergeCell ref="F23:G23"/>
    <mergeCell ref="I23:J23"/>
    <mergeCell ref="B24:C24"/>
    <mergeCell ref="D24:E24"/>
    <mergeCell ref="F24:G24"/>
    <mergeCell ref="I24:J24"/>
    <mergeCell ref="B25:C25"/>
    <mergeCell ref="D25:E25"/>
    <mergeCell ref="F25:G25"/>
    <mergeCell ref="I27:J27"/>
    <mergeCell ref="B22:C22"/>
    <mergeCell ref="B15:C15"/>
    <mergeCell ref="B21:C21"/>
    <mergeCell ref="B13:C13"/>
    <mergeCell ref="D13:E13"/>
    <mergeCell ref="F13:G13"/>
    <mergeCell ref="I13:J13"/>
    <mergeCell ref="B14:C14"/>
    <mergeCell ref="D14:E14"/>
    <mergeCell ref="F15:G15"/>
    <mergeCell ref="F14:G14"/>
    <mergeCell ref="I15:J15"/>
    <mergeCell ref="I14:J14"/>
    <mergeCell ref="D15:E15"/>
    <mergeCell ref="I19:J19"/>
    <mergeCell ref="F19:G19"/>
    <mergeCell ref="D19:E19"/>
    <mergeCell ref="B19:C19"/>
    <mergeCell ref="B20:C20"/>
    <mergeCell ref="D20:E20"/>
    <mergeCell ref="F20:G20"/>
    <mergeCell ref="I20:J20"/>
    <mergeCell ref="D21:E21"/>
    <mergeCell ref="F21:G21"/>
    <mergeCell ref="I16:J16"/>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K120:L120"/>
    <mergeCell ref="K96:L96"/>
    <mergeCell ref="J91:J93"/>
    <mergeCell ref="I87:J87"/>
    <mergeCell ref="I88:J88"/>
    <mergeCell ref="F88:G88"/>
    <mergeCell ref="A91:A94"/>
    <mergeCell ref="B88:C88"/>
    <mergeCell ref="B87:C87"/>
    <mergeCell ref="K109:L109"/>
    <mergeCell ref="K118:L118"/>
    <mergeCell ref="K119:L119"/>
    <mergeCell ref="F87:G87"/>
    <mergeCell ref="K117:L117"/>
    <mergeCell ref="K111:L111"/>
    <mergeCell ref="K112:L112"/>
    <mergeCell ref="K113:L113"/>
    <mergeCell ref="K114:L114"/>
    <mergeCell ref="K115:L115"/>
    <mergeCell ref="K116:L116"/>
    <mergeCell ref="B85:C85"/>
    <mergeCell ref="I85:J85"/>
    <mergeCell ref="B86:C86"/>
    <mergeCell ref="K98:L98"/>
    <mergeCell ref="K99:L99"/>
    <mergeCell ref="K100:L100"/>
    <mergeCell ref="K101:L101"/>
    <mergeCell ref="G91:H91"/>
    <mergeCell ref="K91:L94"/>
    <mergeCell ref="K95:L95"/>
    <mergeCell ref="K97:L97"/>
    <mergeCell ref="D91:E91"/>
    <mergeCell ref="F86:G86"/>
  </mergeCells>
  <phoneticPr fontId="1" type="noConversion"/>
  <printOptions horizontalCentered="1"/>
  <pageMargins left="0.19685039370078741" right="0.19685039370078741" top="0.59055118110236227" bottom="0.19685039370078741" header="0" footer="0"/>
  <pageSetup paperSize="9" scale="37" orientation="portrait" r:id="rId8"/>
  <headerFooter alignWithMargins="0"/>
  <rowBreaks count="1" manualBreakCount="1">
    <brk id="90" max="16383" man="1"/>
  </rowBreaks>
  <drawing r:id="rId9"/>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tabColor rgb="FF00B050"/>
    <pageSetUpPr fitToPage="1"/>
  </sheetPr>
  <dimension ref="A1:G104"/>
  <sheetViews>
    <sheetView showGridLines="0" zoomScaleNormal="100" workbookViewId="0"/>
  </sheetViews>
  <sheetFormatPr defaultColWidth="3.28515625" defaultRowHeight="11.25" customHeight="1" x14ac:dyDescent="0.2"/>
  <cols>
    <col min="1" max="1" width="56.7109375" style="50" customWidth="1"/>
    <col min="2" max="3" width="19.140625" style="50" customWidth="1"/>
    <col min="4" max="4" width="20.140625" style="50" customWidth="1"/>
    <col min="5" max="5" width="16" style="50" bestFit="1" customWidth="1"/>
    <col min="6" max="6" width="16.85546875" style="50" bestFit="1" customWidth="1"/>
    <col min="7" max="7" width="18.140625" style="50" bestFit="1" customWidth="1"/>
    <col min="8" max="16384" width="3.28515625" style="1"/>
  </cols>
  <sheetData>
    <row r="1" spans="1:7" s="27" customFormat="1" ht="14.25" x14ac:dyDescent="0.2">
      <c r="A1" s="430"/>
      <c r="B1" s="430"/>
      <c r="C1" s="430"/>
      <c r="D1" s="430"/>
      <c r="E1" s="430"/>
      <c r="F1" s="430"/>
      <c r="G1" s="430"/>
    </row>
    <row r="2" spans="1:7" s="27" customFormat="1" ht="14.25" x14ac:dyDescent="0.2">
      <c r="A2" s="430"/>
      <c r="B2" s="430"/>
      <c r="C2" s="430"/>
      <c r="D2" s="430"/>
      <c r="E2" s="430"/>
      <c r="F2" s="430"/>
      <c r="G2" s="430"/>
    </row>
    <row r="3" spans="1:7" s="50" customFormat="1" ht="10.5" x14ac:dyDescent="0.2">
      <c r="A3" s="864" t="s">
        <v>641</v>
      </c>
      <c r="B3" s="864"/>
      <c r="C3" s="864"/>
      <c r="D3" s="864"/>
      <c r="E3" s="864"/>
      <c r="F3" s="864"/>
      <c r="G3" s="864"/>
    </row>
    <row r="4" spans="1:7" s="50" customFormat="1" ht="10.5" x14ac:dyDescent="0.2">
      <c r="A4" s="864" t="s">
        <v>105</v>
      </c>
      <c r="B4" s="864"/>
      <c r="C4" s="864"/>
      <c r="D4" s="864"/>
      <c r="E4" s="864"/>
      <c r="F4" s="864"/>
      <c r="G4" s="864"/>
    </row>
    <row r="5" spans="1:7" s="50" customFormat="1" ht="10.5" x14ac:dyDescent="0.2">
      <c r="A5" s="864" t="s">
        <v>211</v>
      </c>
      <c r="B5" s="864"/>
      <c r="C5" s="864"/>
      <c r="D5" s="864"/>
      <c r="E5" s="864"/>
      <c r="F5" s="864"/>
      <c r="G5" s="864"/>
    </row>
    <row r="6" spans="1:7" s="50" customFormat="1" ht="10.5" customHeight="1" x14ac:dyDescent="0.2">
      <c r="A6" s="864" t="s">
        <v>107</v>
      </c>
      <c r="B6" s="864"/>
      <c r="C6" s="864"/>
      <c r="D6" s="864"/>
      <c r="E6" s="864"/>
      <c r="F6" s="864"/>
      <c r="G6" s="864"/>
    </row>
    <row r="7" spans="1:7" s="50" customFormat="1" ht="10.5" customHeight="1" x14ac:dyDescent="0.2">
      <c r="A7" s="864" t="s">
        <v>881</v>
      </c>
      <c r="B7" s="864"/>
      <c r="C7" s="864"/>
      <c r="D7" s="864"/>
      <c r="E7" s="864"/>
      <c r="F7" s="864"/>
      <c r="G7" s="864"/>
    </row>
    <row r="8" spans="1:7" s="27" customFormat="1" ht="10.5" x14ac:dyDescent="0.2"/>
    <row r="9" spans="1:7" s="27" customFormat="1" ht="10.5" x14ac:dyDescent="0.2">
      <c r="A9" s="135" t="s">
        <v>368</v>
      </c>
      <c r="G9" s="240">
        <v>1</v>
      </c>
    </row>
    <row r="10" spans="1:7" ht="15" customHeight="1" x14ac:dyDescent="0.2">
      <c r="A10" s="924" t="s">
        <v>213</v>
      </c>
      <c r="B10" s="873" t="s">
        <v>314</v>
      </c>
      <c r="C10" s="874"/>
      <c r="D10" s="874"/>
      <c r="E10" s="874"/>
      <c r="F10" s="874"/>
      <c r="G10" s="874"/>
    </row>
    <row r="11" spans="1:7" ht="15" customHeight="1" x14ac:dyDescent="0.2">
      <c r="A11" s="927"/>
      <c r="B11" s="873" t="s">
        <v>212</v>
      </c>
      <c r="C11" s="1027"/>
      <c r="D11" s="925" t="s">
        <v>431</v>
      </c>
      <c r="E11" s="925" t="s">
        <v>218</v>
      </c>
      <c r="F11" s="925" t="s">
        <v>217</v>
      </c>
      <c r="G11" s="1028" t="s">
        <v>430</v>
      </c>
    </row>
    <row r="12" spans="1:7" ht="10.5" customHeight="1" x14ac:dyDescent="0.2">
      <c r="A12" s="927"/>
      <c r="B12" s="225" t="s">
        <v>313</v>
      </c>
      <c r="C12" s="223" t="s">
        <v>214</v>
      </c>
      <c r="D12" s="947"/>
      <c r="E12" s="947"/>
      <c r="F12" s="947"/>
      <c r="G12" s="1029"/>
    </row>
    <row r="13" spans="1:7" ht="10.5" x14ac:dyDescent="0.2">
      <c r="A13" s="927"/>
      <c r="B13" s="223" t="s">
        <v>215</v>
      </c>
      <c r="C13" s="223" t="s">
        <v>216</v>
      </c>
      <c r="D13" s="947"/>
      <c r="E13" s="947"/>
      <c r="F13" s="947"/>
      <c r="G13" s="1029" t="s">
        <v>116</v>
      </c>
    </row>
    <row r="14" spans="1:7" ht="13.5" customHeight="1" x14ac:dyDescent="0.2">
      <c r="A14" s="928"/>
      <c r="B14" s="221" t="s">
        <v>219</v>
      </c>
      <c r="C14" s="221">
        <v>2014</v>
      </c>
      <c r="D14" s="926"/>
      <c r="E14" s="926"/>
      <c r="F14" s="926"/>
      <c r="G14" s="1030"/>
    </row>
    <row r="15" spans="1:7" s="73" customFormat="1" ht="15" customHeight="1" x14ac:dyDescent="0.2">
      <c r="A15" s="230" t="s">
        <v>101</v>
      </c>
      <c r="B15" s="409">
        <v>1188473.26</v>
      </c>
      <c r="C15" s="409">
        <v>111982821.17999999</v>
      </c>
      <c r="D15" s="409">
        <v>3531961.4699999997</v>
      </c>
      <c r="E15" s="409">
        <v>49348163.880000003</v>
      </c>
      <c r="F15" s="409">
        <v>42627486.210000008</v>
      </c>
      <c r="G15" s="414">
        <v>21195644.349999998</v>
      </c>
    </row>
    <row r="16" spans="1:7" ht="10.5" x14ac:dyDescent="0.2">
      <c r="A16" s="27"/>
      <c r="B16" s="410"/>
      <c r="C16" s="410"/>
      <c r="D16" s="410"/>
      <c r="E16" s="410"/>
      <c r="F16" s="404"/>
      <c r="G16" s="404"/>
    </row>
    <row r="17" spans="1:7" s="73" customFormat="1" ht="10.5" x14ac:dyDescent="0.2">
      <c r="A17" s="230" t="s">
        <v>770</v>
      </c>
      <c r="B17" s="409">
        <v>1188473.26</v>
      </c>
      <c r="C17" s="409">
        <v>97720106.319999993</v>
      </c>
      <c r="D17" s="444">
        <v>3499130.98</v>
      </c>
      <c r="E17" s="624">
        <v>38056933.439999998</v>
      </c>
      <c r="F17" s="409">
        <v>41096130.590000004</v>
      </c>
      <c r="G17" s="411">
        <v>19755515.549999997</v>
      </c>
    </row>
    <row r="18" spans="1:7" ht="10.5" x14ac:dyDescent="0.2">
      <c r="A18" s="27"/>
      <c r="B18" s="410"/>
      <c r="C18" s="410"/>
      <c r="D18" s="410"/>
      <c r="E18" s="410"/>
      <c r="F18" s="404"/>
      <c r="G18" s="404"/>
    </row>
    <row r="19" spans="1:7" s="73" customFormat="1" ht="10.5" x14ac:dyDescent="0.2">
      <c r="A19" s="242" t="s">
        <v>771</v>
      </c>
      <c r="B19" s="409">
        <v>0</v>
      </c>
      <c r="C19" s="409">
        <v>0</v>
      </c>
      <c r="D19" s="409">
        <v>0</v>
      </c>
      <c r="E19" s="409">
        <v>0</v>
      </c>
      <c r="F19" s="409">
        <v>0</v>
      </c>
      <c r="G19" s="505">
        <v>0</v>
      </c>
    </row>
    <row r="20" spans="1:7" ht="10.5" x14ac:dyDescent="0.2">
      <c r="A20" s="136" t="s">
        <v>772</v>
      </c>
      <c r="B20" s="409"/>
      <c r="C20" s="609">
        <v>0</v>
      </c>
      <c r="D20" s="609">
        <v>0</v>
      </c>
      <c r="E20" s="609">
        <v>0</v>
      </c>
      <c r="F20" s="610">
        <v>0</v>
      </c>
      <c r="G20" s="505">
        <v>0</v>
      </c>
    </row>
    <row r="21" spans="1:7" ht="10.5" x14ac:dyDescent="0.2">
      <c r="A21" s="136" t="s">
        <v>773</v>
      </c>
      <c r="B21" s="409"/>
      <c r="C21" s="410">
        <v>0</v>
      </c>
      <c r="D21" s="410">
        <v>0</v>
      </c>
      <c r="E21" s="410">
        <v>0</v>
      </c>
      <c r="F21" s="404">
        <v>0</v>
      </c>
      <c r="G21" s="505">
        <v>0</v>
      </c>
    </row>
    <row r="22" spans="1:7" ht="10.5" x14ac:dyDescent="0.2">
      <c r="A22" s="136" t="s">
        <v>774</v>
      </c>
      <c r="B22" s="409"/>
      <c r="C22" s="410">
        <v>0</v>
      </c>
      <c r="D22" s="410">
        <v>0</v>
      </c>
      <c r="E22" s="410">
        <v>0</v>
      </c>
      <c r="F22" s="404">
        <v>0</v>
      </c>
      <c r="G22" s="505">
        <v>0</v>
      </c>
    </row>
    <row r="23" spans="1:7" ht="10.5" x14ac:dyDescent="0.2">
      <c r="A23" s="27"/>
      <c r="B23" s="409"/>
      <c r="C23" s="410"/>
      <c r="D23" s="410"/>
      <c r="E23" s="410"/>
      <c r="F23" s="404"/>
      <c r="G23" s="404"/>
    </row>
    <row r="24" spans="1:7" s="73" customFormat="1" ht="10.5" x14ac:dyDescent="0.2">
      <c r="A24" s="242" t="s">
        <v>775</v>
      </c>
      <c r="B24" s="409">
        <v>0</v>
      </c>
      <c r="C24" s="409">
        <v>8303103.4199999999</v>
      </c>
      <c r="D24" s="409">
        <v>12601.9</v>
      </c>
      <c r="E24" s="409">
        <v>6927876.2700000005</v>
      </c>
      <c r="F24" s="409">
        <v>1155187.6000000001</v>
      </c>
      <c r="G24" s="411">
        <v>220039.54999999935</v>
      </c>
    </row>
    <row r="25" spans="1:7" ht="10.5" x14ac:dyDescent="0.2">
      <c r="A25" s="136" t="s">
        <v>776</v>
      </c>
      <c r="B25" s="409"/>
      <c r="C25" s="410">
        <v>0</v>
      </c>
      <c r="D25" s="410">
        <v>0</v>
      </c>
      <c r="E25" s="410">
        <v>0</v>
      </c>
      <c r="F25" s="404">
        <v>0</v>
      </c>
      <c r="G25" s="404">
        <v>0</v>
      </c>
    </row>
    <row r="26" spans="1:7" s="229" customFormat="1" ht="10.5" x14ac:dyDescent="0.2">
      <c r="A26" s="136" t="s">
        <v>777</v>
      </c>
      <c r="B26" s="409">
        <v>0</v>
      </c>
      <c r="C26" s="410">
        <v>8303103.4199999999</v>
      </c>
      <c r="D26" s="552">
        <v>12601.9</v>
      </c>
      <c r="E26" s="410">
        <v>6927876.2700000005</v>
      </c>
      <c r="F26" s="404">
        <v>1155187.6000000001</v>
      </c>
      <c r="G26" s="404">
        <v>220039.54999999935</v>
      </c>
    </row>
    <row r="27" spans="1:7" s="229" customFormat="1" ht="10.5" x14ac:dyDescent="0.2">
      <c r="A27" s="27"/>
      <c r="B27" s="409"/>
      <c r="C27" s="410"/>
      <c r="D27" s="410"/>
      <c r="E27" s="410"/>
      <c r="F27" s="404"/>
      <c r="G27" s="404"/>
    </row>
    <row r="28" spans="1:7" s="73" customFormat="1" ht="10.5" x14ac:dyDescent="0.2">
      <c r="A28" s="242" t="s">
        <v>230</v>
      </c>
      <c r="B28" s="409">
        <v>0</v>
      </c>
      <c r="C28" s="409">
        <v>5959611.4399999995</v>
      </c>
      <c r="D28" s="409">
        <v>20228.59</v>
      </c>
      <c r="E28" s="409">
        <v>4363354.17</v>
      </c>
      <c r="F28" s="409">
        <v>376168.02</v>
      </c>
      <c r="G28" s="411">
        <v>1220089.2499999998</v>
      </c>
    </row>
    <row r="29" spans="1:7" s="229" customFormat="1" ht="10.5" x14ac:dyDescent="0.2">
      <c r="A29" s="136" t="s">
        <v>778</v>
      </c>
      <c r="B29" s="409"/>
      <c r="C29" s="410">
        <v>4964530.92</v>
      </c>
      <c r="D29" s="410">
        <v>19458.57</v>
      </c>
      <c r="E29" s="410">
        <v>4124796.22</v>
      </c>
      <c r="F29" s="404">
        <v>376125.37</v>
      </c>
      <c r="G29" s="404">
        <v>463609.32999999973</v>
      </c>
    </row>
    <row r="30" spans="1:7" s="229" customFormat="1" ht="10.5" x14ac:dyDescent="0.2">
      <c r="A30" s="136" t="s">
        <v>779</v>
      </c>
      <c r="B30" s="409"/>
      <c r="C30" s="410">
        <v>995080.52</v>
      </c>
      <c r="D30" s="410">
        <v>770.02</v>
      </c>
      <c r="E30" s="410">
        <v>238557.95</v>
      </c>
      <c r="F30" s="404">
        <v>42.65</v>
      </c>
      <c r="G30" s="404">
        <v>756479.92</v>
      </c>
    </row>
    <row r="31" spans="1:7" s="229" customFormat="1" ht="10.5" x14ac:dyDescent="0.2">
      <c r="A31" s="27"/>
      <c r="B31" s="409"/>
      <c r="C31" s="410"/>
      <c r="D31" s="410"/>
      <c r="E31" s="410"/>
      <c r="F31" s="404"/>
      <c r="G31" s="505">
        <v>0</v>
      </c>
    </row>
    <row r="32" spans="1:7" s="73" customFormat="1" ht="10.5" x14ac:dyDescent="0.2">
      <c r="A32" s="242" t="s">
        <v>102</v>
      </c>
      <c r="B32" s="409">
        <v>0</v>
      </c>
      <c r="C32" s="409">
        <v>335264.88</v>
      </c>
      <c r="D32" s="409">
        <v>0</v>
      </c>
      <c r="E32" s="409">
        <v>0</v>
      </c>
      <c r="F32" s="409">
        <v>335264.88</v>
      </c>
      <c r="G32" s="471">
        <v>0</v>
      </c>
    </row>
    <row r="33" spans="1:7" s="229" customFormat="1" ht="10.5" x14ac:dyDescent="0.2">
      <c r="A33" s="242"/>
      <c r="B33" s="409"/>
      <c r="C33" s="410"/>
      <c r="D33" s="410"/>
      <c r="E33" s="410"/>
      <c r="F33" s="404"/>
      <c r="G33" s="505">
        <v>0</v>
      </c>
    </row>
    <row r="34" spans="1:7" s="73" customFormat="1" ht="10.5" x14ac:dyDescent="0.2">
      <c r="A34" s="242" t="s">
        <v>770</v>
      </c>
      <c r="B34" s="409">
        <v>0</v>
      </c>
      <c r="C34" s="409">
        <v>335264.88</v>
      </c>
      <c r="D34" s="409">
        <v>0</v>
      </c>
      <c r="E34" s="409">
        <v>0</v>
      </c>
      <c r="F34" s="411">
        <v>335264.88</v>
      </c>
      <c r="G34" s="471">
        <v>0</v>
      </c>
    </row>
    <row r="35" spans="1:7" s="229" customFormat="1" ht="10.5" x14ac:dyDescent="0.2">
      <c r="A35" s="242"/>
      <c r="B35" s="409"/>
      <c r="C35" s="410"/>
      <c r="D35" s="410"/>
      <c r="E35" s="410"/>
      <c r="F35" s="404"/>
      <c r="G35" s="404"/>
    </row>
    <row r="36" spans="1:7" s="73" customFormat="1" ht="10.5" x14ac:dyDescent="0.2">
      <c r="A36" s="242" t="s">
        <v>771</v>
      </c>
      <c r="B36" s="409">
        <v>0</v>
      </c>
      <c r="C36" s="409">
        <v>0</v>
      </c>
      <c r="D36" s="409">
        <v>0</v>
      </c>
      <c r="E36" s="409">
        <v>0</v>
      </c>
      <c r="F36" s="409">
        <v>0</v>
      </c>
      <c r="G36" s="505">
        <v>0</v>
      </c>
    </row>
    <row r="37" spans="1:7" s="229" customFormat="1" ht="10.5" x14ac:dyDescent="0.2">
      <c r="A37" s="136" t="s">
        <v>772</v>
      </c>
      <c r="B37" s="409"/>
      <c r="C37" s="410"/>
      <c r="D37" s="410"/>
      <c r="E37" s="410"/>
      <c r="F37" s="404"/>
      <c r="G37" s="505">
        <v>0</v>
      </c>
    </row>
    <row r="38" spans="1:7" s="229" customFormat="1" ht="10.5" x14ac:dyDescent="0.2">
      <c r="A38" s="136" t="s">
        <v>773</v>
      </c>
      <c r="B38" s="409"/>
      <c r="C38" s="410"/>
      <c r="D38" s="410"/>
      <c r="E38" s="410"/>
      <c r="F38" s="404"/>
      <c r="G38" s="505">
        <v>0</v>
      </c>
    </row>
    <row r="39" spans="1:7" s="229" customFormat="1" ht="10.5" x14ac:dyDescent="0.2">
      <c r="A39" s="136" t="s">
        <v>774</v>
      </c>
      <c r="B39" s="409"/>
      <c r="C39" s="410"/>
      <c r="D39" s="410"/>
      <c r="E39" s="410"/>
      <c r="F39" s="404"/>
      <c r="G39" s="505">
        <v>0</v>
      </c>
    </row>
    <row r="40" spans="1:7" s="229" customFormat="1" ht="10.5" x14ac:dyDescent="0.2">
      <c r="A40" s="136"/>
      <c r="B40" s="409"/>
      <c r="C40" s="410"/>
      <c r="D40" s="410"/>
      <c r="E40" s="410"/>
      <c r="F40" s="404"/>
      <c r="G40" s="505"/>
    </row>
    <row r="41" spans="1:7" s="73" customFormat="1" ht="10.5" x14ac:dyDescent="0.2">
      <c r="A41" s="242" t="s">
        <v>775</v>
      </c>
      <c r="B41" s="409">
        <v>0</v>
      </c>
      <c r="C41" s="409">
        <v>0</v>
      </c>
      <c r="D41" s="409">
        <v>0</v>
      </c>
      <c r="E41" s="409">
        <v>0</v>
      </c>
      <c r="F41" s="409">
        <v>0</v>
      </c>
      <c r="G41" s="505">
        <v>0</v>
      </c>
    </row>
    <row r="42" spans="1:7" s="229" customFormat="1" ht="10.5" x14ac:dyDescent="0.2">
      <c r="A42" s="136" t="s">
        <v>776</v>
      </c>
      <c r="B42" s="409"/>
      <c r="C42" s="410"/>
      <c r="D42" s="410"/>
      <c r="E42" s="410"/>
      <c r="F42" s="404"/>
      <c r="G42" s="505">
        <v>0</v>
      </c>
    </row>
    <row r="43" spans="1:7" s="229" customFormat="1" ht="10.5" x14ac:dyDescent="0.2">
      <c r="A43" s="136" t="s">
        <v>777</v>
      </c>
      <c r="B43" s="409"/>
      <c r="C43" s="410"/>
      <c r="D43" s="410"/>
      <c r="E43" s="410"/>
      <c r="F43" s="404"/>
      <c r="G43" s="505">
        <v>0</v>
      </c>
    </row>
    <row r="44" spans="1:7" s="229" customFormat="1" ht="10.5" x14ac:dyDescent="0.2">
      <c r="A44" s="136"/>
      <c r="B44" s="409"/>
      <c r="C44" s="410"/>
      <c r="D44" s="410"/>
      <c r="E44" s="410"/>
      <c r="F44" s="404"/>
      <c r="G44" s="505"/>
    </row>
    <row r="45" spans="1:7" s="73" customFormat="1" ht="10.5" x14ac:dyDescent="0.2">
      <c r="A45" s="242" t="s">
        <v>230</v>
      </c>
      <c r="B45" s="409">
        <v>0</v>
      </c>
      <c r="C45" s="409">
        <v>0</v>
      </c>
      <c r="D45" s="409">
        <v>0</v>
      </c>
      <c r="E45" s="409">
        <v>0</v>
      </c>
      <c r="F45" s="409">
        <v>0</v>
      </c>
      <c r="G45" s="505">
        <v>0</v>
      </c>
    </row>
    <row r="46" spans="1:7" s="229" customFormat="1" ht="10.5" x14ac:dyDescent="0.2">
      <c r="A46" s="136" t="s">
        <v>778</v>
      </c>
      <c r="B46" s="410"/>
      <c r="C46" s="410"/>
      <c r="D46" s="410"/>
      <c r="E46" s="410"/>
      <c r="F46" s="404"/>
      <c r="G46" s="505">
        <v>0</v>
      </c>
    </row>
    <row r="47" spans="1:7" ht="15" customHeight="1" x14ac:dyDescent="0.2">
      <c r="A47" s="136" t="s">
        <v>779</v>
      </c>
      <c r="B47" s="410"/>
      <c r="C47" s="410"/>
      <c r="D47" s="410"/>
      <c r="E47" s="410"/>
      <c r="F47" s="404"/>
      <c r="G47" s="505">
        <v>0</v>
      </c>
    </row>
    <row r="48" spans="1:7" ht="15" customHeight="1" x14ac:dyDescent="0.2">
      <c r="A48" s="28" t="s">
        <v>222</v>
      </c>
      <c r="B48" s="445">
        <v>1188473.26</v>
      </c>
      <c r="C48" s="445">
        <v>112318086.05999999</v>
      </c>
      <c r="D48" s="352">
        <v>3531961.4699999997</v>
      </c>
      <c r="E48" s="352">
        <v>49348163.880000003</v>
      </c>
      <c r="F48" s="352">
        <v>42962751.090000011</v>
      </c>
      <c r="G48" s="415">
        <v>21195644.349999998</v>
      </c>
    </row>
    <row r="49" spans="1:7" ht="10.5" x14ac:dyDescent="0.2">
      <c r="A49" s="72"/>
      <c r="B49" s="334"/>
      <c r="C49" s="1"/>
      <c r="D49" s="215"/>
      <c r="E49" s="215"/>
      <c r="F49" s="1"/>
      <c r="G49" s="121"/>
    </row>
    <row r="50" spans="1:7" ht="30" customHeight="1" x14ac:dyDescent="0.2">
      <c r="A50" s="924" t="s">
        <v>213</v>
      </c>
      <c r="B50" s="964" t="s">
        <v>537</v>
      </c>
      <c r="C50" s="962"/>
      <c r="D50" s="962"/>
      <c r="E50" s="962"/>
      <c r="F50" s="963"/>
      <c r="G50" s="976" t="s">
        <v>456</v>
      </c>
    </row>
    <row r="51" spans="1:7" ht="15" customHeight="1" x14ac:dyDescent="0.2">
      <c r="A51" s="927"/>
      <c r="B51" s="873" t="s">
        <v>212</v>
      </c>
      <c r="C51" s="1027"/>
      <c r="D51" s="925" t="s">
        <v>218</v>
      </c>
      <c r="E51" s="925" t="s">
        <v>217</v>
      </c>
      <c r="F51" s="1028" t="s">
        <v>430</v>
      </c>
      <c r="G51" s="950"/>
    </row>
    <row r="52" spans="1:7" ht="11.25" customHeight="1" x14ac:dyDescent="0.2">
      <c r="A52" s="927"/>
      <c r="B52" s="219" t="s">
        <v>313</v>
      </c>
      <c r="C52" s="220" t="s">
        <v>214</v>
      </c>
      <c r="D52" s="947"/>
      <c r="E52" s="947"/>
      <c r="F52" s="1029"/>
      <c r="G52" s="950"/>
    </row>
    <row r="53" spans="1:7" ht="11.25" customHeight="1" x14ac:dyDescent="0.2">
      <c r="A53" s="927"/>
      <c r="B53" s="223" t="s">
        <v>215</v>
      </c>
      <c r="C53" s="223" t="s">
        <v>216</v>
      </c>
      <c r="D53" s="947"/>
      <c r="E53" s="947"/>
      <c r="F53" s="1029" t="s">
        <v>117</v>
      </c>
      <c r="G53" s="950"/>
    </row>
    <row r="54" spans="1:7" ht="11.25" customHeight="1" x14ac:dyDescent="0.2">
      <c r="A54" s="928"/>
      <c r="B54" s="221" t="s">
        <v>219</v>
      </c>
      <c r="C54" s="221">
        <v>2014</v>
      </c>
      <c r="D54" s="926"/>
      <c r="E54" s="926"/>
      <c r="F54" s="1030"/>
      <c r="G54" s="952"/>
    </row>
    <row r="55" spans="1:7" s="73" customFormat="1" ht="14.25" customHeight="1" x14ac:dyDescent="0.2">
      <c r="A55" s="230" t="s">
        <v>101</v>
      </c>
      <c r="B55" s="367">
        <v>31084643.720000003</v>
      </c>
      <c r="C55" s="444">
        <v>99141210.299999997</v>
      </c>
      <c r="D55" s="444">
        <v>96231916.780000001</v>
      </c>
      <c r="E55" s="367">
        <v>415198.65</v>
      </c>
      <c r="F55" s="367">
        <v>33578738.590000011</v>
      </c>
      <c r="G55" s="368">
        <v>54774382.940000013</v>
      </c>
    </row>
    <row r="56" spans="1:7" s="229" customFormat="1" ht="11.25" customHeight="1" x14ac:dyDescent="0.2">
      <c r="A56" s="27"/>
      <c r="B56" s="366"/>
      <c r="C56" s="438"/>
      <c r="D56" s="438"/>
      <c r="E56" s="56"/>
      <c r="F56" s="56"/>
      <c r="G56" s="24"/>
    </row>
    <row r="57" spans="1:7" s="73" customFormat="1" ht="11.25" customHeight="1" x14ac:dyDescent="0.2">
      <c r="A57" s="230" t="s">
        <v>770</v>
      </c>
      <c r="B57" s="367">
        <v>31084643.720000003</v>
      </c>
      <c r="C57" s="437">
        <v>76589981.140000001</v>
      </c>
      <c r="D57" s="437">
        <v>73685243.319999993</v>
      </c>
      <c r="E57" s="613">
        <v>415198.65</v>
      </c>
      <c r="F57" s="337">
        <v>33574182.890000008</v>
      </c>
      <c r="G57" s="369">
        <v>53329698.440000005</v>
      </c>
    </row>
    <row r="58" spans="1:7" s="229" customFormat="1" ht="11.25" customHeight="1" x14ac:dyDescent="0.2">
      <c r="A58" s="27"/>
      <c r="B58" s="367"/>
      <c r="C58" s="438"/>
      <c r="D58" s="438"/>
      <c r="E58" s="56"/>
      <c r="F58" s="56"/>
      <c r="G58" s="24"/>
    </row>
    <row r="59" spans="1:7" s="73" customFormat="1" ht="11.25" customHeight="1" x14ac:dyDescent="0.2">
      <c r="A59" s="242" t="s">
        <v>771</v>
      </c>
      <c r="B59" s="367">
        <v>0</v>
      </c>
      <c r="C59" s="444">
        <v>4496578.2600000007</v>
      </c>
      <c r="D59" s="444">
        <v>4496578.2600000007</v>
      </c>
      <c r="E59" s="367">
        <v>0</v>
      </c>
      <c r="F59" s="367">
        <v>0</v>
      </c>
      <c r="G59" s="368">
        <v>0</v>
      </c>
    </row>
    <row r="60" spans="1:7" s="229" customFormat="1" ht="11.25" customHeight="1" x14ac:dyDescent="0.2">
      <c r="A60" s="136" t="s">
        <v>772</v>
      </c>
      <c r="B60" s="367"/>
      <c r="C60" s="438"/>
      <c r="D60" s="438"/>
      <c r="E60" s="56"/>
      <c r="F60" s="327">
        <v>0</v>
      </c>
      <c r="G60" s="368">
        <v>0</v>
      </c>
    </row>
    <row r="61" spans="1:7" s="229" customFormat="1" ht="11.25" customHeight="1" x14ac:dyDescent="0.2">
      <c r="A61" s="136" t="s">
        <v>773</v>
      </c>
      <c r="B61" s="367"/>
      <c r="C61" s="438">
        <v>4492853.9800000004</v>
      </c>
      <c r="D61" s="438">
        <v>4492853.9800000004</v>
      </c>
      <c r="E61" s="56"/>
      <c r="F61" s="327">
        <v>0</v>
      </c>
      <c r="G61" s="368">
        <v>0</v>
      </c>
    </row>
    <row r="62" spans="1:7" s="229" customFormat="1" ht="11.25" customHeight="1" x14ac:dyDescent="0.2">
      <c r="A62" s="136" t="s">
        <v>774</v>
      </c>
      <c r="B62" s="367"/>
      <c r="C62" s="438">
        <v>3724.28</v>
      </c>
      <c r="D62" s="438">
        <v>3724.28</v>
      </c>
      <c r="E62" s="56"/>
      <c r="F62" s="327">
        <v>0</v>
      </c>
      <c r="G62" s="368">
        <v>0</v>
      </c>
    </row>
    <row r="63" spans="1:7" s="229" customFormat="1" ht="11.25" customHeight="1" x14ac:dyDescent="0.2">
      <c r="A63" s="27"/>
      <c r="B63" s="367"/>
      <c r="C63" s="438"/>
      <c r="D63" s="438"/>
      <c r="E63" s="56"/>
      <c r="F63" s="56"/>
      <c r="G63" s="24"/>
    </row>
    <row r="64" spans="1:7" s="73" customFormat="1" ht="11.25" customHeight="1" x14ac:dyDescent="0.2">
      <c r="A64" s="242" t="s">
        <v>775</v>
      </c>
      <c r="B64" s="367">
        <v>0</v>
      </c>
      <c r="C64" s="444">
        <v>17939858.209999997</v>
      </c>
      <c r="D64" s="444">
        <v>17935302.509999998</v>
      </c>
      <c r="E64" s="367">
        <v>0</v>
      </c>
      <c r="F64" s="367">
        <v>4555.7000000000116</v>
      </c>
      <c r="G64" s="369">
        <v>224595.24999999936</v>
      </c>
    </row>
    <row r="65" spans="1:7" s="229" customFormat="1" ht="11.25" customHeight="1" x14ac:dyDescent="0.2">
      <c r="A65" s="136" t="s">
        <v>776</v>
      </c>
      <c r="B65" s="367"/>
      <c r="C65" s="438">
        <v>17501177.579999998</v>
      </c>
      <c r="D65" s="438">
        <v>17501155.579999998</v>
      </c>
      <c r="E65" s="56"/>
      <c r="F65" s="327">
        <v>22</v>
      </c>
      <c r="G65" s="439">
        <v>22</v>
      </c>
    </row>
    <row r="66" spans="1:7" s="229" customFormat="1" ht="11.25" customHeight="1" x14ac:dyDescent="0.2">
      <c r="A66" s="136" t="s">
        <v>777</v>
      </c>
      <c r="B66" s="367"/>
      <c r="C66" s="438">
        <v>438680.63</v>
      </c>
      <c r="D66" s="438">
        <v>434146.93</v>
      </c>
      <c r="E66" s="56"/>
      <c r="F66" s="327">
        <v>4533.7000000000116</v>
      </c>
      <c r="G66" s="439">
        <v>224573.24999999936</v>
      </c>
    </row>
    <row r="67" spans="1:7" s="229" customFormat="1" ht="11.25" customHeight="1" x14ac:dyDescent="0.2">
      <c r="A67" s="27"/>
      <c r="B67" s="367"/>
      <c r="C67" s="438"/>
      <c r="D67" s="438"/>
      <c r="E67" s="56"/>
      <c r="F67" s="56"/>
      <c r="G67" s="24"/>
    </row>
    <row r="68" spans="1:7" s="73" customFormat="1" ht="11.25" customHeight="1" x14ac:dyDescent="0.2">
      <c r="A68" s="242" t="s">
        <v>230</v>
      </c>
      <c r="B68" s="367">
        <v>0</v>
      </c>
      <c r="C68" s="444">
        <v>114792.69</v>
      </c>
      <c r="D68" s="444">
        <v>114792.69</v>
      </c>
      <c r="E68" s="367">
        <v>0</v>
      </c>
      <c r="F68" s="367">
        <v>0</v>
      </c>
      <c r="G68" s="369">
        <v>1220089.2499999998</v>
      </c>
    </row>
    <row r="69" spans="1:7" s="229" customFormat="1" ht="11.25" customHeight="1" x14ac:dyDescent="0.2">
      <c r="A69" s="136" t="s">
        <v>778</v>
      </c>
      <c r="B69" s="367"/>
      <c r="C69" s="438">
        <v>114792.69</v>
      </c>
      <c r="D69" s="438">
        <v>114792.69</v>
      </c>
      <c r="E69" s="56"/>
      <c r="F69" s="327">
        <v>0</v>
      </c>
      <c r="G69" s="439">
        <v>463609.32999999973</v>
      </c>
    </row>
    <row r="70" spans="1:7" s="229" customFormat="1" ht="11.25" customHeight="1" x14ac:dyDescent="0.2">
      <c r="A70" s="136" t="s">
        <v>779</v>
      </c>
      <c r="B70" s="367"/>
      <c r="C70" s="438"/>
      <c r="D70" s="438"/>
      <c r="E70" s="56"/>
      <c r="F70" s="327">
        <v>0</v>
      </c>
      <c r="G70" s="439">
        <v>756479.92</v>
      </c>
    </row>
    <row r="71" spans="1:7" s="229" customFormat="1" ht="11.25" customHeight="1" x14ac:dyDescent="0.2">
      <c r="A71" s="27"/>
      <c r="B71" s="367"/>
      <c r="C71" s="438"/>
      <c r="D71" s="438"/>
      <c r="E71" s="56"/>
      <c r="F71" s="56"/>
      <c r="G71" s="24"/>
    </row>
    <row r="72" spans="1:7" s="73" customFormat="1" ht="11.25" customHeight="1" x14ac:dyDescent="0.2">
      <c r="A72" s="242" t="s">
        <v>102</v>
      </c>
      <c r="B72" s="367">
        <v>11832.26</v>
      </c>
      <c r="C72" s="444">
        <v>15166127.09</v>
      </c>
      <c r="D72" s="444">
        <v>13207059.09</v>
      </c>
      <c r="E72" s="367">
        <v>0</v>
      </c>
      <c r="F72" s="367">
        <v>1970900.2599999998</v>
      </c>
      <c r="G72" s="369">
        <v>1970900.2599999998</v>
      </c>
    </row>
    <row r="73" spans="1:7" s="229" customFormat="1" ht="11.25" customHeight="1" x14ac:dyDescent="0.2">
      <c r="A73" s="242"/>
      <c r="B73" s="367"/>
      <c r="C73" s="438"/>
      <c r="D73" s="438"/>
      <c r="E73" s="56"/>
      <c r="F73" s="56"/>
      <c r="G73" s="24"/>
    </row>
    <row r="74" spans="1:7" s="73" customFormat="1" ht="11.25" customHeight="1" x14ac:dyDescent="0.2">
      <c r="A74" s="242" t="s">
        <v>770</v>
      </c>
      <c r="B74" s="367">
        <v>5694.13</v>
      </c>
      <c r="C74" s="437">
        <v>7600020.7199999997</v>
      </c>
      <c r="D74" s="437">
        <v>5640952.7199999997</v>
      </c>
      <c r="E74" s="170"/>
      <c r="F74" s="437">
        <v>1964762.13</v>
      </c>
      <c r="G74" s="155"/>
    </row>
    <row r="75" spans="1:7" s="229" customFormat="1" ht="11.25" customHeight="1" x14ac:dyDescent="0.2">
      <c r="A75" s="242"/>
      <c r="B75" s="367"/>
      <c r="C75" s="438"/>
      <c r="D75" s="438"/>
      <c r="E75" s="56"/>
      <c r="F75" s="56"/>
      <c r="G75" s="24"/>
    </row>
    <row r="76" spans="1:7" s="73" customFormat="1" ht="11.25" customHeight="1" x14ac:dyDescent="0.2">
      <c r="A76" s="242" t="s">
        <v>771</v>
      </c>
      <c r="B76" s="367">
        <v>0</v>
      </c>
      <c r="C76" s="444">
        <v>1310668.42</v>
      </c>
      <c r="D76" s="444">
        <v>1310668.42</v>
      </c>
      <c r="E76" s="367">
        <v>0</v>
      </c>
      <c r="F76" s="367">
        <v>0</v>
      </c>
      <c r="G76" s="369">
        <v>0</v>
      </c>
    </row>
    <row r="77" spans="1:7" s="229" customFormat="1" ht="11.25" customHeight="1" x14ac:dyDescent="0.2">
      <c r="A77" s="136" t="s">
        <v>772</v>
      </c>
      <c r="B77" s="367"/>
      <c r="C77" s="438"/>
      <c r="D77" s="438"/>
      <c r="E77" s="56"/>
      <c r="F77" s="327">
        <v>0</v>
      </c>
      <c r="G77" s="369">
        <v>0</v>
      </c>
    </row>
    <row r="78" spans="1:7" s="229" customFormat="1" ht="11.25" customHeight="1" x14ac:dyDescent="0.2">
      <c r="A78" s="136" t="s">
        <v>773</v>
      </c>
      <c r="B78" s="367"/>
      <c r="C78" s="438">
        <v>1310668.42</v>
      </c>
      <c r="D78" s="438">
        <v>1310668.42</v>
      </c>
      <c r="E78" s="56"/>
      <c r="F78" s="327">
        <v>0</v>
      </c>
      <c r="G78" s="369">
        <v>0</v>
      </c>
    </row>
    <row r="79" spans="1:7" s="229" customFormat="1" ht="11.25" customHeight="1" x14ac:dyDescent="0.2">
      <c r="A79" s="136" t="s">
        <v>774</v>
      </c>
      <c r="B79" s="367"/>
      <c r="C79" s="438"/>
      <c r="D79" s="438"/>
      <c r="E79" s="56"/>
      <c r="F79" s="327">
        <v>0</v>
      </c>
      <c r="G79" s="369">
        <v>0</v>
      </c>
    </row>
    <row r="80" spans="1:7" s="229" customFormat="1" ht="11.25" customHeight="1" x14ac:dyDescent="0.2">
      <c r="A80" s="136"/>
      <c r="B80" s="367"/>
      <c r="C80" s="438"/>
      <c r="D80" s="438"/>
      <c r="E80" s="56"/>
      <c r="F80" s="56"/>
      <c r="G80" s="24"/>
    </row>
    <row r="81" spans="1:7" s="73" customFormat="1" ht="11.25" customHeight="1" x14ac:dyDescent="0.2">
      <c r="A81" s="242" t="s">
        <v>775</v>
      </c>
      <c r="B81" s="367">
        <v>0</v>
      </c>
      <c r="C81" s="444">
        <v>6255437.9500000002</v>
      </c>
      <c r="D81" s="444">
        <v>6255437.9500000002</v>
      </c>
      <c r="E81" s="367">
        <v>0</v>
      </c>
      <c r="F81" s="367">
        <v>0</v>
      </c>
      <c r="G81" s="369">
        <v>0</v>
      </c>
    </row>
    <row r="82" spans="1:7" s="229" customFormat="1" ht="11.25" customHeight="1" x14ac:dyDescent="0.2">
      <c r="A82" s="136" t="s">
        <v>776</v>
      </c>
      <c r="B82" s="367"/>
      <c r="C82" s="438">
        <v>6255437.9500000002</v>
      </c>
      <c r="D82" s="438">
        <v>6255437.9500000002</v>
      </c>
      <c r="E82" s="56"/>
      <c r="F82" s="327">
        <v>0</v>
      </c>
      <c r="G82" s="369">
        <v>0</v>
      </c>
    </row>
    <row r="83" spans="1:7" s="229" customFormat="1" ht="11.25" customHeight="1" x14ac:dyDescent="0.2">
      <c r="A83" s="136" t="s">
        <v>777</v>
      </c>
      <c r="B83" s="367"/>
      <c r="C83" s="438"/>
      <c r="D83" s="438"/>
      <c r="E83" s="56"/>
      <c r="F83" s="327">
        <v>0</v>
      </c>
      <c r="G83" s="369">
        <v>0</v>
      </c>
    </row>
    <row r="84" spans="1:7" s="229" customFormat="1" ht="11.25" customHeight="1" x14ac:dyDescent="0.2">
      <c r="A84" s="136"/>
      <c r="B84" s="367"/>
      <c r="C84" s="438"/>
      <c r="D84" s="438"/>
      <c r="E84" s="56"/>
      <c r="F84" s="56"/>
      <c r="G84" s="24"/>
    </row>
    <row r="85" spans="1:7" s="73" customFormat="1" ht="11.25" customHeight="1" x14ac:dyDescent="0.2">
      <c r="A85" s="242" t="s">
        <v>230</v>
      </c>
      <c r="B85" s="367">
        <v>6138.13</v>
      </c>
      <c r="C85" s="444">
        <v>0</v>
      </c>
      <c r="D85" s="444">
        <v>0</v>
      </c>
      <c r="E85" s="367">
        <v>0</v>
      </c>
      <c r="F85" s="367">
        <v>6138.13</v>
      </c>
      <c r="G85" s="369">
        <v>6138.13</v>
      </c>
    </row>
    <row r="86" spans="1:7" s="229" customFormat="1" ht="11.25" customHeight="1" x14ac:dyDescent="0.2">
      <c r="A86" s="136" t="s">
        <v>778</v>
      </c>
      <c r="B86" s="367">
        <v>6138.13</v>
      </c>
      <c r="C86" s="438"/>
      <c r="D86" s="438"/>
      <c r="E86" s="56"/>
      <c r="F86" s="327">
        <v>6138.13</v>
      </c>
      <c r="G86" s="439">
        <v>6138.13</v>
      </c>
    </row>
    <row r="87" spans="1:7" s="229" customFormat="1" ht="14.25" customHeight="1" x14ac:dyDescent="0.2">
      <c r="A87" s="136" t="s">
        <v>779</v>
      </c>
      <c r="B87" s="367"/>
      <c r="C87" s="438"/>
      <c r="D87" s="438"/>
      <c r="E87" s="56"/>
      <c r="F87" s="327">
        <v>0</v>
      </c>
      <c r="G87" s="439">
        <v>0</v>
      </c>
    </row>
    <row r="88" spans="1:7" s="73" customFormat="1" ht="15" customHeight="1" x14ac:dyDescent="0.2">
      <c r="A88" s="28" t="s">
        <v>222</v>
      </c>
      <c r="B88" s="445">
        <v>31096475.980000004</v>
      </c>
      <c r="C88" s="445">
        <v>114307337.39</v>
      </c>
      <c r="D88" s="445">
        <v>109438975.87</v>
      </c>
      <c r="E88" s="350">
        <v>415198.65</v>
      </c>
      <c r="F88" s="350">
        <v>35549638.850000009</v>
      </c>
      <c r="G88" s="350">
        <v>56745283.20000001</v>
      </c>
    </row>
    <row r="89" spans="1:7" ht="11.25" customHeight="1" x14ac:dyDescent="0.2">
      <c r="A89" s="50" t="s">
        <v>863</v>
      </c>
      <c r="G89" s="320"/>
    </row>
    <row r="92" spans="1:7" s="289" customFormat="1" ht="11.25" customHeight="1" x14ac:dyDescent="0.2">
      <c r="A92" s="50"/>
      <c r="B92" s="50"/>
      <c r="C92" s="50"/>
      <c r="D92" s="50"/>
      <c r="E92" s="50"/>
      <c r="F92" s="50"/>
      <c r="G92" s="50"/>
    </row>
    <row r="93" spans="1:7" s="289" customFormat="1" ht="11.25" customHeight="1" x14ac:dyDescent="0.2">
      <c r="A93" s="50"/>
      <c r="B93" s="50"/>
      <c r="C93" s="50"/>
      <c r="D93" s="50"/>
      <c r="E93" s="50"/>
      <c r="F93" s="50"/>
      <c r="G93" s="50"/>
    </row>
    <row r="98" s="50" customFormat="1" ht="11.25" customHeight="1" x14ac:dyDescent="0.2"/>
    <row r="99" s="50" customFormat="1" ht="11.25" customHeight="1" x14ac:dyDescent="0.2"/>
    <row r="100" s="50" customFormat="1" ht="11.25" customHeight="1" x14ac:dyDescent="0.2"/>
    <row r="101" s="50" customFormat="1" ht="11.25" customHeight="1" x14ac:dyDescent="0.2"/>
    <row r="102" s="50" customFormat="1" ht="11.25" customHeight="1" x14ac:dyDescent="0.2"/>
    <row r="103" s="50" customFormat="1" ht="11.25" customHeight="1" x14ac:dyDescent="0.2"/>
    <row r="104" s="50" customFormat="1" ht="11.25" customHeight="1" x14ac:dyDescent="0.2"/>
  </sheetData>
  <customSheetViews>
    <customSheetView guid="{6DBFA32C-4AA4-4E1D-9A48-697377C64CC3}" showPageBreaks="1" showGridLines="0" fitToPage="1" printArea="1">
      <selection activeCell="D48" sqref="D48"/>
      <pageMargins left="0.19685039370078741" right="0.19685039370078741" top="0.39370078740157483" bottom="0.39370078740157483" header="0" footer="0"/>
      <printOptions horizontalCentered="1"/>
      <pageSetup paperSize="9" scale="61" orientation="portrait" r:id="rId1"/>
      <headerFooter alignWithMargins="0"/>
    </customSheetView>
    <customSheetView guid="{25EF1E0D-169B-4051-B414-7E1196FC05E4}" showPageBreaks="1" showGridLines="0" fitToPage="1" printArea="1">
      <selection activeCell="D48" sqref="D48"/>
      <pageMargins left="0.19685039370078741" right="0.19685039370078741" top="0.19685039370078741" bottom="0.19685039370078741" header="0" footer="0"/>
      <printOptions horizontalCentered="1"/>
      <pageSetup paperSize="9" scale="60" orientation="portrait" horizontalDpi="300" verticalDpi="300" r:id="rId2"/>
      <headerFooter alignWithMargins="0"/>
    </customSheetView>
    <customSheetView guid="{82EDB5A4-4824-4632-A540-7A52C92F04C7}" showPageBreaks="1" showGridLines="0" fitToPage="1" printArea="1">
      <selection activeCell="D48" sqref="D48"/>
      <pageMargins left="0.19685039370078741" right="0.19685039370078741" top="0.39370078740157483" bottom="0.39370078740157483" header="0" footer="0"/>
      <printOptions horizontalCentered="1"/>
      <pageSetup paperSize="9" scale="61" orientation="portrait" r:id="rId3"/>
      <headerFooter alignWithMargins="0"/>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4"/>
      <headerFooter alignWithMargins="0">
        <oddFooter>&amp;A</oddFooter>
      </headerFooter>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5"/>
      <headerFooter alignWithMargins="0">
        <oddFooter>&amp;A</oddFooter>
      </headerFooter>
    </customSheetView>
    <customSheetView guid="{3AAF6A5F-F9AA-430B-9AD9-1261ECDF41B5}" showPageBreaks="1" showGridLines="0" fitToPage="1" printArea="1">
      <selection activeCell="D91" sqref="D91"/>
      <pageMargins left="0.19685039370078741" right="0.19685039370078741" top="0.59055118110236227" bottom="0.19685039370078741" header="0" footer="0"/>
      <printOptions horizontalCentered="1"/>
      <pageSetup paperSize="9" scale="60" orientation="portrait" r:id="rId6"/>
      <headerFooter alignWithMargins="0"/>
    </customSheetView>
    <customSheetView guid="{C779D862-DE28-46CD-A428-4AAA1056D1E1}" scale="90" showGridLines="0" fitToPage="1" topLeftCell="A11">
      <selection activeCell="K35" sqref="K35"/>
      <pageMargins left="0.19685039370078741" right="0.19685039370078741" top="0.59055118110236227" bottom="0.19685039370078741" header="0" footer="0"/>
      <printOptions horizontalCentered="1"/>
      <pageSetup paperSize="9" scale="60" orientation="portrait" r:id="rId7"/>
      <headerFooter alignWithMargins="0"/>
    </customSheetView>
  </customSheetViews>
  <mergeCells count="21">
    <mergeCell ref="A3:G3"/>
    <mergeCell ref="A4:G4"/>
    <mergeCell ref="A5:G5"/>
    <mergeCell ref="A6:G6"/>
    <mergeCell ref="A7:G7"/>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s>
  <printOptions horizontalCentered="1"/>
  <pageMargins left="0.19685039370078741" right="0.19685039370078741" top="0.59055118110236227" bottom="0.19685039370078741" header="0" footer="0"/>
  <pageSetup paperSize="9" scale="61" orientation="portrait" r:id="rId8"/>
  <headerFooter alignWithMargins="0"/>
  <drawing r:id="rId9"/>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I197"/>
  <sheetViews>
    <sheetView showGridLines="0" zoomScaleNormal="100" workbookViewId="0"/>
  </sheetViews>
  <sheetFormatPr defaultRowHeight="11.25" customHeight="1" x14ac:dyDescent="0.2"/>
  <cols>
    <col min="1" max="1" width="80.7109375" style="299" customWidth="1"/>
    <col min="2" max="2" width="19" style="93" customWidth="1"/>
    <col min="3" max="4" width="19" style="93" bestFit="1" customWidth="1"/>
    <col min="5" max="5" width="14" style="93" customWidth="1"/>
    <col min="6" max="6" width="20.28515625" style="93" customWidth="1"/>
    <col min="7" max="7" width="15" style="93" customWidth="1"/>
    <col min="8" max="8" width="19" style="93" customWidth="1"/>
    <col min="9" max="16384" width="9.140625" style="93"/>
  </cols>
  <sheetData>
    <row r="1" spans="1:8" s="147" customFormat="1" ht="10.5" x14ac:dyDescent="0.2">
      <c r="A1" s="588" t="s">
        <v>858</v>
      </c>
      <c r="B1" s="144"/>
      <c r="C1" s="144"/>
      <c r="D1" s="144"/>
      <c r="E1" s="144"/>
      <c r="F1" s="144"/>
      <c r="G1" s="144"/>
      <c r="H1" s="144"/>
    </row>
    <row r="2" spans="1:8" s="147" customFormat="1" ht="10.5" x14ac:dyDescent="0.2">
      <c r="A2" s="294"/>
      <c r="B2" s="144"/>
      <c r="C2" s="144"/>
      <c r="D2" s="144"/>
      <c r="E2" s="144"/>
      <c r="F2" s="144"/>
    </row>
    <row r="3" spans="1:8" s="151" customFormat="1" ht="10.5" x14ac:dyDescent="0.2">
      <c r="A3" s="1150" t="s">
        <v>641</v>
      </c>
      <c r="B3" s="1150"/>
      <c r="C3" s="1150"/>
      <c r="D3" s="1150"/>
      <c r="E3" s="1150"/>
      <c r="F3" s="1150"/>
      <c r="G3" s="1150"/>
      <c r="H3" s="1150"/>
    </row>
    <row r="4" spans="1:8" s="151" customFormat="1" ht="10.5" x14ac:dyDescent="0.2">
      <c r="A4" s="1150" t="s">
        <v>105</v>
      </c>
      <c r="B4" s="1150"/>
      <c r="C4" s="1150"/>
      <c r="D4" s="1150"/>
      <c r="E4" s="1150"/>
      <c r="F4" s="1150"/>
      <c r="G4" s="1150"/>
      <c r="H4" s="1150"/>
    </row>
    <row r="5" spans="1:8" s="151" customFormat="1" ht="10.5" x14ac:dyDescent="0.2">
      <c r="A5" s="1150" t="s">
        <v>231</v>
      </c>
      <c r="B5" s="1150"/>
      <c r="C5" s="1150"/>
      <c r="D5" s="1150"/>
      <c r="E5" s="1150"/>
      <c r="F5" s="1150"/>
      <c r="G5" s="1150"/>
      <c r="H5" s="1150"/>
    </row>
    <row r="6" spans="1:8" s="151" customFormat="1" ht="10.5" x14ac:dyDescent="0.2">
      <c r="A6" s="1150" t="s">
        <v>107</v>
      </c>
      <c r="B6" s="1150"/>
      <c r="C6" s="1150"/>
      <c r="D6" s="1150"/>
      <c r="E6" s="1150"/>
      <c r="F6" s="1150"/>
      <c r="G6" s="1150"/>
      <c r="H6" s="1150"/>
    </row>
    <row r="7" spans="1:8" s="151" customFormat="1" ht="10.5" x14ac:dyDescent="0.2">
      <c r="A7" s="1150" t="s">
        <v>881</v>
      </c>
      <c r="B7" s="1150"/>
      <c r="C7" s="1150"/>
      <c r="D7" s="1150"/>
      <c r="E7" s="1150"/>
      <c r="F7" s="1150"/>
      <c r="G7" s="1150"/>
      <c r="H7" s="1150"/>
    </row>
    <row r="8" spans="1:8" s="147" customFormat="1" ht="10.5" x14ac:dyDescent="0.2">
      <c r="A8" s="295" t="s">
        <v>620</v>
      </c>
      <c r="B8" s="145"/>
      <c r="C8" s="145"/>
      <c r="D8" s="145"/>
      <c r="E8" s="145"/>
      <c r="F8" s="551"/>
      <c r="H8" s="240">
        <v>1</v>
      </c>
    </row>
    <row r="9" spans="1:8" s="237" customFormat="1" ht="15" customHeight="1" x14ac:dyDescent="0.2">
      <c r="A9" s="1044" t="s">
        <v>187</v>
      </c>
      <c r="B9" s="1044"/>
      <c r="C9" s="1044"/>
      <c r="D9" s="1044"/>
      <c r="E9" s="1044"/>
      <c r="F9" s="1044"/>
      <c r="G9" s="1044"/>
      <c r="H9" s="1044"/>
    </row>
    <row r="10" spans="1:8" s="237" customFormat="1" ht="15" customHeight="1" x14ac:dyDescent="0.15">
      <c r="A10" s="1035" t="s">
        <v>856</v>
      </c>
      <c r="B10" s="1148" t="s">
        <v>108</v>
      </c>
      <c r="C10" s="1149"/>
      <c r="D10" s="1148" t="s">
        <v>108</v>
      </c>
      <c r="E10" s="1149"/>
      <c r="F10" s="1033" t="s">
        <v>109</v>
      </c>
      <c r="G10" s="1044"/>
      <c r="H10" s="1044"/>
    </row>
    <row r="11" spans="1:8" s="237" customFormat="1" ht="15" customHeight="1" x14ac:dyDescent="0.2">
      <c r="A11" s="1036"/>
      <c r="B11" s="1029" t="s">
        <v>111</v>
      </c>
      <c r="C11" s="1056"/>
      <c r="D11" s="1029" t="s">
        <v>112</v>
      </c>
      <c r="E11" s="1056"/>
      <c r="F11" s="1028" t="s">
        <v>115</v>
      </c>
      <c r="G11" s="1060"/>
      <c r="H11" s="234" t="s">
        <v>114</v>
      </c>
    </row>
    <row r="12" spans="1:8" s="237" customFormat="1" ht="15" customHeight="1" x14ac:dyDescent="0.2">
      <c r="A12" s="521" t="s">
        <v>857</v>
      </c>
      <c r="B12" s="1030"/>
      <c r="C12" s="1057"/>
      <c r="D12" s="1151" t="s">
        <v>116</v>
      </c>
      <c r="E12" s="1152"/>
      <c r="F12" s="1151" t="s">
        <v>117</v>
      </c>
      <c r="G12" s="1152"/>
      <c r="H12" s="534" t="s">
        <v>188</v>
      </c>
    </row>
    <row r="13" spans="1:8" s="237" customFormat="1" ht="14.25" customHeight="1" x14ac:dyDescent="0.2">
      <c r="A13" s="259" t="s">
        <v>189</v>
      </c>
      <c r="B13" s="1063">
        <v>7821678000</v>
      </c>
      <c r="C13" s="1064"/>
      <c r="D13" s="1074">
        <v>8107565435.5100002</v>
      </c>
      <c r="E13" s="1147"/>
      <c r="F13" s="1074">
        <v>8092141678.1300001</v>
      </c>
      <c r="G13" s="1147"/>
      <c r="H13" s="370">
        <v>99.809760926351004</v>
      </c>
    </row>
    <row r="14" spans="1:8" s="237" customFormat="1" ht="21" x14ac:dyDescent="0.2">
      <c r="A14" s="248" t="s">
        <v>369</v>
      </c>
      <c r="B14" s="1063">
        <v>6859312000</v>
      </c>
      <c r="C14" s="1064"/>
      <c r="D14" s="1047">
        <v>7050209353.2200003</v>
      </c>
      <c r="E14" s="1048"/>
      <c r="F14" s="1047">
        <v>7036823010.8699999</v>
      </c>
      <c r="G14" s="1048"/>
      <c r="H14" s="370">
        <v>99.810128441875463</v>
      </c>
    </row>
    <row r="15" spans="1:8" s="20" customFormat="1" ht="10.5" x14ac:dyDescent="0.2">
      <c r="A15" s="296" t="s">
        <v>318</v>
      </c>
      <c r="B15" s="835">
        <v>6742500000</v>
      </c>
      <c r="C15" s="888"/>
      <c r="D15" s="835">
        <v>6929520608.0600004</v>
      </c>
      <c r="E15" s="888"/>
      <c r="F15" s="1049">
        <v>6929520608.0600004</v>
      </c>
      <c r="G15" s="1050"/>
      <c r="H15" s="370">
        <v>100</v>
      </c>
    </row>
    <row r="16" spans="1:8" s="20" customFormat="1" ht="10.5" x14ac:dyDescent="0.2">
      <c r="A16" s="296" t="s">
        <v>319</v>
      </c>
      <c r="B16" s="835">
        <v>36676000</v>
      </c>
      <c r="C16" s="888"/>
      <c r="D16" s="835">
        <v>36676000</v>
      </c>
      <c r="E16" s="888"/>
      <c r="F16" s="1049">
        <v>31243456.66</v>
      </c>
      <c r="G16" s="1050"/>
      <c r="H16" s="370">
        <v>85.187743101755913</v>
      </c>
    </row>
    <row r="17" spans="1:8" s="20" customFormat="1" ht="10.5" x14ac:dyDescent="0.2">
      <c r="A17" s="296" t="s">
        <v>320</v>
      </c>
      <c r="B17" s="835">
        <v>7445000</v>
      </c>
      <c r="C17" s="888"/>
      <c r="D17" s="835">
        <v>11321745.16</v>
      </c>
      <c r="E17" s="888"/>
      <c r="F17" s="1049">
        <v>11321745.16</v>
      </c>
      <c r="G17" s="1050"/>
      <c r="H17" s="370">
        <v>100</v>
      </c>
    </row>
    <row r="18" spans="1:8" s="20" customFormat="1" ht="21" x14ac:dyDescent="0.2">
      <c r="A18" s="296" t="s">
        <v>321</v>
      </c>
      <c r="B18" s="1047">
        <v>0</v>
      </c>
      <c r="C18" s="1048"/>
      <c r="D18" s="835">
        <v>0</v>
      </c>
      <c r="E18" s="888"/>
      <c r="F18" s="1047">
        <v>0</v>
      </c>
      <c r="G18" s="1048"/>
      <c r="H18" s="370">
        <v>0</v>
      </c>
    </row>
    <row r="19" spans="1:8" s="20" customFormat="1" ht="10.5" x14ac:dyDescent="0.2">
      <c r="A19" s="275" t="s">
        <v>322</v>
      </c>
      <c r="B19" s="851">
        <v>0</v>
      </c>
      <c r="C19" s="887"/>
      <c r="D19" s="835">
        <v>0</v>
      </c>
      <c r="E19" s="888"/>
      <c r="F19" s="1047">
        <v>0</v>
      </c>
      <c r="G19" s="1048"/>
      <c r="H19" s="370">
        <v>0</v>
      </c>
    </row>
    <row r="20" spans="1:8" s="20" customFormat="1" ht="21" x14ac:dyDescent="0.2">
      <c r="A20" s="275" t="s">
        <v>323</v>
      </c>
      <c r="B20" s="835">
        <v>72691000</v>
      </c>
      <c r="C20" s="888"/>
      <c r="D20" s="835">
        <v>72691000</v>
      </c>
      <c r="E20" s="888"/>
      <c r="F20" s="1049">
        <v>64737200.990000002</v>
      </c>
      <c r="G20" s="1050"/>
      <c r="H20" s="370">
        <v>89.058069073200258</v>
      </c>
    </row>
    <row r="21" spans="1:8" s="20" customFormat="1" ht="10.5" x14ac:dyDescent="0.2">
      <c r="A21" s="15" t="s">
        <v>324</v>
      </c>
      <c r="B21" s="851">
        <v>0</v>
      </c>
      <c r="C21" s="887"/>
      <c r="D21" s="835">
        <v>0</v>
      </c>
      <c r="E21" s="888"/>
      <c r="F21" s="1047">
        <v>0</v>
      </c>
      <c r="G21" s="1048"/>
      <c r="H21" s="370">
        <v>0</v>
      </c>
    </row>
    <row r="22" spans="1:8" s="237" customFormat="1" ht="21" x14ac:dyDescent="0.2">
      <c r="A22" s="248" t="s">
        <v>325</v>
      </c>
      <c r="B22" s="1063">
        <v>108031000</v>
      </c>
      <c r="C22" s="1064"/>
      <c r="D22" s="1063">
        <v>118290851.18000001</v>
      </c>
      <c r="E22" s="1064"/>
      <c r="F22" s="1047">
        <v>116298480.59</v>
      </c>
      <c r="G22" s="1048"/>
      <c r="H22" s="370">
        <v>98.315701873707667</v>
      </c>
    </row>
    <row r="23" spans="1:8" s="20" customFormat="1" ht="10.5" x14ac:dyDescent="0.2">
      <c r="A23" s="296" t="s">
        <v>326</v>
      </c>
      <c r="B23" s="1045">
        <v>105800000</v>
      </c>
      <c r="C23" s="1046"/>
      <c r="D23" s="835">
        <v>116059851.18000001</v>
      </c>
      <c r="E23" s="888"/>
      <c r="F23" s="1049">
        <v>116059851.18000001</v>
      </c>
      <c r="G23" s="1050"/>
      <c r="H23" s="370">
        <v>100</v>
      </c>
    </row>
    <row r="24" spans="1:8" s="20" customFormat="1" ht="10.5" x14ac:dyDescent="0.2">
      <c r="A24" s="296" t="s">
        <v>327</v>
      </c>
      <c r="B24" s="1045">
        <v>2231000</v>
      </c>
      <c r="C24" s="1046"/>
      <c r="D24" s="835">
        <v>2231000</v>
      </c>
      <c r="E24" s="888"/>
      <c r="F24" s="1049">
        <v>238629.41</v>
      </c>
      <c r="G24" s="1050"/>
      <c r="H24" s="370">
        <v>10.696073957866428</v>
      </c>
    </row>
    <row r="25" spans="1:8" s="20" customFormat="1" ht="10.5" x14ac:dyDescent="0.2">
      <c r="A25" s="296" t="s">
        <v>328</v>
      </c>
      <c r="B25" s="1063">
        <v>0</v>
      </c>
      <c r="C25" s="1064"/>
      <c r="D25" s="835">
        <v>0</v>
      </c>
      <c r="E25" s="888"/>
      <c r="F25" s="1047">
        <v>0</v>
      </c>
      <c r="G25" s="1048"/>
      <c r="H25" s="370">
        <v>0</v>
      </c>
    </row>
    <row r="26" spans="1:8" s="20" customFormat="1" ht="21" x14ac:dyDescent="0.2">
      <c r="A26" s="296" t="s">
        <v>329</v>
      </c>
      <c r="B26" s="1063">
        <v>0</v>
      </c>
      <c r="C26" s="1064"/>
      <c r="D26" s="835">
        <v>0</v>
      </c>
      <c r="E26" s="888"/>
      <c r="F26" s="1047">
        <v>0</v>
      </c>
      <c r="G26" s="1048"/>
      <c r="H26" s="370">
        <v>0</v>
      </c>
    </row>
    <row r="27" spans="1:8" s="20" customFormat="1" ht="10.5" x14ac:dyDescent="0.2">
      <c r="A27" s="279" t="s">
        <v>334</v>
      </c>
      <c r="B27" s="1063">
        <v>0</v>
      </c>
      <c r="C27" s="1064"/>
      <c r="D27" s="835">
        <v>0</v>
      </c>
      <c r="E27" s="888"/>
      <c r="F27" s="1047">
        <v>0</v>
      </c>
      <c r="G27" s="1048"/>
      <c r="H27" s="370">
        <v>0</v>
      </c>
    </row>
    <row r="28" spans="1:8" s="237" customFormat="1" ht="21" x14ac:dyDescent="0.2">
      <c r="A28" s="248" t="s">
        <v>338</v>
      </c>
      <c r="B28" s="1063">
        <v>343935000</v>
      </c>
      <c r="C28" s="1064"/>
      <c r="D28" s="1063">
        <v>365450141.44</v>
      </c>
      <c r="E28" s="1064"/>
      <c r="F28" s="1047">
        <v>365405097</v>
      </c>
      <c r="G28" s="1048"/>
      <c r="H28" s="370">
        <v>99.987674258430303</v>
      </c>
    </row>
    <row r="29" spans="1:8" s="20" customFormat="1" ht="10.5" x14ac:dyDescent="0.2">
      <c r="A29" s="296" t="s">
        <v>330</v>
      </c>
      <c r="B29" s="1045">
        <v>329900000</v>
      </c>
      <c r="C29" s="1046"/>
      <c r="D29" s="835">
        <v>351264420.38</v>
      </c>
      <c r="E29" s="888"/>
      <c r="F29" s="1049">
        <v>351264420.38</v>
      </c>
      <c r="G29" s="1050"/>
      <c r="H29" s="370">
        <v>100</v>
      </c>
    </row>
    <row r="30" spans="1:8" s="20" customFormat="1" ht="10.5" x14ac:dyDescent="0.2">
      <c r="A30" s="296" t="s">
        <v>331</v>
      </c>
      <c r="B30" s="1045">
        <v>14003000</v>
      </c>
      <c r="C30" s="1046"/>
      <c r="D30" s="835">
        <v>14003000</v>
      </c>
      <c r="E30" s="888"/>
      <c r="F30" s="1049">
        <v>13957955.560000001</v>
      </c>
      <c r="G30" s="1050"/>
      <c r="H30" s="370">
        <v>99.678322930800547</v>
      </c>
    </row>
    <row r="31" spans="1:8" s="20" customFormat="1" ht="10.5" x14ac:dyDescent="0.2">
      <c r="A31" s="296" t="s">
        <v>332</v>
      </c>
      <c r="B31" s="1045">
        <v>32000</v>
      </c>
      <c r="C31" s="1046"/>
      <c r="D31" s="835">
        <v>182721.06</v>
      </c>
      <c r="E31" s="888"/>
      <c r="F31" s="1049">
        <v>182721.06</v>
      </c>
      <c r="G31" s="1050"/>
      <c r="H31" s="370">
        <v>100</v>
      </c>
    </row>
    <row r="32" spans="1:8" s="20" customFormat="1" ht="21" x14ac:dyDescent="0.2">
      <c r="A32" s="296" t="s">
        <v>333</v>
      </c>
      <c r="B32" s="1063">
        <v>0</v>
      </c>
      <c r="C32" s="1064"/>
      <c r="D32" s="835">
        <v>0</v>
      </c>
      <c r="E32" s="888"/>
      <c r="F32" s="1047">
        <v>0</v>
      </c>
      <c r="G32" s="1048"/>
      <c r="H32" s="370">
        <v>0</v>
      </c>
    </row>
    <row r="33" spans="1:8" s="20" customFormat="1" ht="10.5" x14ac:dyDescent="0.2">
      <c r="A33" s="279" t="s">
        <v>335</v>
      </c>
      <c r="B33" s="1063">
        <v>0</v>
      </c>
      <c r="C33" s="1064"/>
      <c r="D33" s="835">
        <v>0</v>
      </c>
      <c r="E33" s="888"/>
      <c r="F33" s="1047">
        <v>0</v>
      </c>
      <c r="G33" s="1048"/>
      <c r="H33" s="370">
        <v>0</v>
      </c>
    </row>
    <row r="34" spans="1:8" s="237" customFormat="1" ht="21" x14ac:dyDescent="0.2">
      <c r="A34" s="248" t="s">
        <v>339</v>
      </c>
      <c r="B34" s="1063">
        <v>510400000</v>
      </c>
      <c r="C34" s="1064"/>
      <c r="D34" s="1063">
        <v>573615089.67000008</v>
      </c>
      <c r="E34" s="1064"/>
      <c r="F34" s="1047">
        <v>573615089.67000008</v>
      </c>
      <c r="G34" s="1048"/>
      <c r="H34" s="370">
        <v>100</v>
      </c>
    </row>
    <row r="35" spans="1:8" s="20" customFormat="1" ht="10.5" x14ac:dyDescent="0.2">
      <c r="A35" s="296" t="s">
        <v>337</v>
      </c>
      <c r="B35" s="1045">
        <v>510400000</v>
      </c>
      <c r="C35" s="1046"/>
      <c r="D35" s="835">
        <v>573615089.67000008</v>
      </c>
      <c r="E35" s="888"/>
      <c r="F35" s="757"/>
      <c r="G35" s="758">
        <v>573615089.67000008</v>
      </c>
      <c r="H35" s="370">
        <v>100</v>
      </c>
    </row>
    <row r="36" spans="1:8" s="20" customFormat="1" ht="10.5" x14ac:dyDescent="0.2">
      <c r="A36" s="296" t="s">
        <v>457</v>
      </c>
      <c r="B36" s="1063">
        <v>0</v>
      </c>
      <c r="C36" s="1064"/>
      <c r="D36" s="835">
        <v>0</v>
      </c>
      <c r="E36" s="888"/>
      <c r="F36" s="1047">
        <v>0</v>
      </c>
      <c r="G36" s="1048"/>
      <c r="H36" s="370">
        <v>0</v>
      </c>
    </row>
    <row r="37" spans="1:8" s="20" customFormat="1" ht="10.5" x14ac:dyDescent="0.2">
      <c r="A37" s="296" t="s">
        <v>458</v>
      </c>
      <c r="B37" s="1063">
        <v>0</v>
      </c>
      <c r="C37" s="1064"/>
      <c r="D37" s="835">
        <v>0</v>
      </c>
      <c r="E37" s="888"/>
      <c r="F37" s="1047">
        <v>0</v>
      </c>
      <c r="G37" s="1048"/>
      <c r="H37" s="370">
        <v>0</v>
      </c>
    </row>
    <row r="38" spans="1:8" s="20" customFormat="1" ht="21" x14ac:dyDescent="0.2">
      <c r="A38" s="296" t="s">
        <v>459</v>
      </c>
      <c r="B38" s="1063">
        <v>0</v>
      </c>
      <c r="C38" s="1064"/>
      <c r="D38" s="835">
        <v>0</v>
      </c>
      <c r="E38" s="888"/>
      <c r="F38" s="1047">
        <v>0</v>
      </c>
      <c r="G38" s="1048"/>
      <c r="H38" s="370">
        <v>0</v>
      </c>
    </row>
    <row r="39" spans="1:8" s="20" customFormat="1" ht="10.5" x14ac:dyDescent="0.2">
      <c r="A39" s="279" t="s">
        <v>336</v>
      </c>
      <c r="B39" s="1063">
        <v>0</v>
      </c>
      <c r="C39" s="1064"/>
      <c r="D39" s="835">
        <v>0</v>
      </c>
      <c r="E39" s="888"/>
      <c r="F39" s="1047">
        <v>0</v>
      </c>
      <c r="G39" s="1048"/>
      <c r="H39" s="370">
        <v>0</v>
      </c>
    </row>
    <row r="40" spans="1:8" s="237" customFormat="1" ht="10.5" x14ac:dyDescent="0.2">
      <c r="A40" s="248" t="s">
        <v>340</v>
      </c>
      <c r="B40" s="1063">
        <v>1158800000</v>
      </c>
      <c r="C40" s="1064"/>
      <c r="D40" s="1063">
        <v>1180055207.0599999</v>
      </c>
      <c r="E40" s="1064"/>
      <c r="F40" s="1047">
        <v>1126921832.3299999</v>
      </c>
      <c r="G40" s="1048"/>
      <c r="H40" s="370">
        <v>95.497382290920356</v>
      </c>
    </row>
    <row r="41" spans="1:8" s="20" customFormat="1" ht="10.5" x14ac:dyDescent="0.2">
      <c r="A41" s="117" t="s">
        <v>190</v>
      </c>
      <c r="B41" s="1045">
        <v>1070500000</v>
      </c>
      <c r="C41" s="1046"/>
      <c r="D41" s="835">
        <v>1070500000</v>
      </c>
      <c r="E41" s="888"/>
      <c r="F41" s="1049">
        <v>1017409869</v>
      </c>
      <c r="G41" s="1050"/>
      <c r="H41" s="370">
        <v>95.040622979915923</v>
      </c>
    </row>
    <row r="42" spans="1:8" s="20" customFormat="1" ht="10.5" x14ac:dyDescent="0.2">
      <c r="A42" s="117" t="s">
        <v>191</v>
      </c>
      <c r="B42" s="1045">
        <v>18100000</v>
      </c>
      <c r="C42" s="1046"/>
      <c r="D42" s="835">
        <v>18100000</v>
      </c>
      <c r="E42" s="888"/>
      <c r="F42" s="1049">
        <v>18056756.27</v>
      </c>
      <c r="G42" s="1050"/>
      <c r="H42" s="370">
        <v>99.76108436464088</v>
      </c>
    </row>
    <row r="43" spans="1:8" s="20" customFormat="1" ht="10.5" x14ac:dyDescent="0.2">
      <c r="A43" s="296" t="s">
        <v>192</v>
      </c>
      <c r="B43" s="1045">
        <v>70200000</v>
      </c>
      <c r="C43" s="1046"/>
      <c r="D43" s="835">
        <v>91455207.060000002</v>
      </c>
      <c r="E43" s="888"/>
      <c r="F43" s="1049">
        <v>91455207.060000002</v>
      </c>
      <c r="G43" s="1050"/>
      <c r="H43" s="370">
        <v>100</v>
      </c>
    </row>
    <row r="44" spans="1:8" s="20" customFormat="1" ht="10.5" x14ac:dyDescent="0.2">
      <c r="A44" s="296" t="s">
        <v>193</v>
      </c>
      <c r="B44" s="1045">
        <v>0</v>
      </c>
      <c r="C44" s="1046"/>
      <c r="D44" s="835">
        <v>0</v>
      </c>
      <c r="E44" s="888"/>
      <c r="F44" s="1047">
        <v>0</v>
      </c>
      <c r="G44" s="1048"/>
      <c r="H44" s="370">
        <v>0</v>
      </c>
    </row>
    <row r="45" spans="1:8" s="246" customFormat="1" ht="15" customHeight="1" x14ac:dyDescent="0.2">
      <c r="A45" s="297" t="s">
        <v>460</v>
      </c>
      <c r="B45" s="1088">
        <v>8980478000</v>
      </c>
      <c r="C45" s="1146"/>
      <c r="D45" s="1088">
        <v>9287620642.5699997</v>
      </c>
      <c r="E45" s="1146"/>
      <c r="F45" s="1088">
        <v>9219063510.4599991</v>
      </c>
      <c r="G45" s="1146"/>
      <c r="H45" s="371">
        <v>99.261843966841539</v>
      </c>
    </row>
    <row r="46" spans="1:8" s="237" customFormat="1" ht="15" customHeight="1" x14ac:dyDescent="0.15">
      <c r="A46" s="1035" t="s">
        <v>194</v>
      </c>
      <c r="B46" s="1148" t="s">
        <v>108</v>
      </c>
      <c r="C46" s="1149"/>
      <c r="D46" s="1028" t="s">
        <v>108</v>
      </c>
      <c r="E46" s="1060"/>
      <c r="F46" s="1033" t="s">
        <v>109</v>
      </c>
      <c r="G46" s="1044"/>
      <c r="H46" s="1044"/>
    </row>
    <row r="47" spans="1:8" s="237" customFormat="1" ht="15" customHeight="1" x14ac:dyDescent="0.2">
      <c r="A47" s="1036"/>
      <c r="B47" s="1029" t="s">
        <v>111</v>
      </c>
      <c r="C47" s="1056"/>
      <c r="D47" s="1029" t="s">
        <v>112</v>
      </c>
      <c r="E47" s="1056"/>
      <c r="F47" s="1028" t="s">
        <v>115</v>
      </c>
      <c r="G47" s="1060"/>
      <c r="H47" s="234" t="s">
        <v>114</v>
      </c>
    </row>
    <row r="48" spans="1:8" s="237" customFormat="1" ht="15" customHeight="1" x14ac:dyDescent="0.2">
      <c r="A48" s="1037"/>
      <c r="B48" s="1030"/>
      <c r="C48" s="1057"/>
      <c r="D48" s="1030" t="s">
        <v>116</v>
      </c>
      <c r="E48" s="1057"/>
      <c r="F48" s="1030" t="s">
        <v>117</v>
      </c>
      <c r="G48" s="1057"/>
      <c r="H48" s="235" t="s">
        <v>188</v>
      </c>
    </row>
    <row r="49" spans="1:8" s="20" customFormat="1" ht="10.5" x14ac:dyDescent="0.2">
      <c r="A49" s="276" t="s">
        <v>461</v>
      </c>
      <c r="B49" s="987">
        <v>1696655250</v>
      </c>
      <c r="C49" s="988"/>
      <c r="D49" s="987">
        <v>1744379588.3050001</v>
      </c>
      <c r="E49" s="988"/>
      <c r="F49" s="987">
        <v>1743021452.47</v>
      </c>
      <c r="G49" s="988"/>
      <c r="H49" s="446">
        <v>99.922142184871603</v>
      </c>
    </row>
    <row r="50" spans="1:8" s="20" customFormat="1" ht="10.5" x14ac:dyDescent="0.2">
      <c r="A50" s="276" t="s">
        <v>462</v>
      </c>
      <c r="B50" s="835">
        <v>171967500</v>
      </c>
      <c r="C50" s="888"/>
      <c r="D50" s="835">
        <v>182725070.72</v>
      </c>
      <c r="E50" s="888"/>
      <c r="F50" s="835">
        <v>182702548.5</v>
      </c>
      <c r="G50" s="888"/>
      <c r="H50" s="397">
        <v>99.987674258430303</v>
      </c>
    </row>
    <row r="51" spans="1:8" s="20" customFormat="1" ht="15.75" customHeight="1" x14ac:dyDescent="0.2">
      <c r="A51" s="276" t="s">
        <v>463</v>
      </c>
      <c r="B51" s="835">
        <v>17550000</v>
      </c>
      <c r="C51" s="888"/>
      <c r="D51" s="835">
        <v>22863801.765000001</v>
      </c>
      <c r="E51" s="888"/>
      <c r="F51" s="835">
        <v>22863801.765000001</v>
      </c>
      <c r="G51" s="888"/>
      <c r="H51" s="397">
        <v>100</v>
      </c>
    </row>
    <row r="52" spans="1:8" s="20" customFormat="1" ht="15" customHeight="1" x14ac:dyDescent="0.2">
      <c r="A52" s="596" t="s">
        <v>464</v>
      </c>
      <c r="B52" s="1051">
        <v>1886172750</v>
      </c>
      <c r="C52" s="1052"/>
      <c r="D52" s="1051">
        <v>1949968460.7900002</v>
      </c>
      <c r="E52" s="1052"/>
      <c r="F52" s="1051">
        <v>1948587802.7350001</v>
      </c>
      <c r="G52" s="1052"/>
      <c r="H52" s="384">
        <v>99.929195877637895</v>
      </c>
    </row>
    <row r="53" spans="1:8" s="237" customFormat="1" ht="15" customHeight="1" x14ac:dyDescent="0.2">
      <c r="A53" s="250" t="s">
        <v>465</v>
      </c>
      <c r="B53" s="1088">
        <v>7094305250</v>
      </c>
      <c r="C53" s="1034"/>
      <c r="D53" s="1088">
        <v>7337652181.7799997</v>
      </c>
      <c r="E53" s="1034"/>
      <c r="F53" s="1088">
        <v>7270475707.7249985</v>
      </c>
      <c r="G53" s="1034"/>
      <c r="H53" s="371">
        <v>99.084496343097243</v>
      </c>
    </row>
    <row r="54" spans="1:8" s="237" customFormat="1" ht="15" customHeight="1" x14ac:dyDescent="0.2">
      <c r="A54" s="1035" t="s">
        <v>859</v>
      </c>
      <c r="B54" s="1028" t="s">
        <v>108</v>
      </c>
      <c r="C54" s="1060"/>
      <c r="D54" s="1028" t="s">
        <v>108</v>
      </c>
      <c r="E54" s="1060"/>
      <c r="F54" s="1033" t="s">
        <v>109</v>
      </c>
      <c r="G54" s="1044"/>
      <c r="H54" s="1044"/>
    </row>
    <row r="55" spans="1:8" s="237" customFormat="1" ht="15" customHeight="1" x14ac:dyDescent="0.2">
      <c r="A55" s="1036"/>
      <c r="B55" s="1029" t="s">
        <v>111</v>
      </c>
      <c r="C55" s="1056"/>
      <c r="D55" s="1029" t="s">
        <v>112</v>
      </c>
      <c r="E55" s="1056"/>
      <c r="F55" s="1028" t="s">
        <v>115</v>
      </c>
      <c r="G55" s="1060"/>
      <c r="H55" s="234" t="s">
        <v>114</v>
      </c>
    </row>
    <row r="56" spans="1:8" s="237" customFormat="1" ht="15" customHeight="1" x14ac:dyDescent="0.2">
      <c r="A56" s="1037"/>
      <c r="B56" s="1030"/>
      <c r="C56" s="1057"/>
      <c r="D56" s="1030" t="s">
        <v>116</v>
      </c>
      <c r="E56" s="1057"/>
      <c r="F56" s="1030" t="s">
        <v>117</v>
      </c>
      <c r="G56" s="1057"/>
      <c r="H56" s="235" t="s">
        <v>188</v>
      </c>
    </row>
    <row r="57" spans="1:8" s="237" customFormat="1" ht="21" x14ac:dyDescent="0.2">
      <c r="A57" s="284" t="s">
        <v>466</v>
      </c>
      <c r="B57" s="1063">
        <v>0</v>
      </c>
      <c r="C57" s="1064"/>
      <c r="D57" s="835">
        <v>0</v>
      </c>
      <c r="E57" s="888"/>
      <c r="F57" s="1063">
        <v>0</v>
      </c>
      <c r="G57" s="1064"/>
      <c r="H57" s="383">
        <v>0</v>
      </c>
    </row>
    <row r="58" spans="1:8" s="237" customFormat="1" ht="10.5" x14ac:dyDescent="0.2">
      <c r="A58" s="284" t="s">
        <v>467</v>
      </c>
      <c r="B58" s="851">
        <v>47811000</v>
      </c>
      <c r="C58" s="887"/>
      <c r="D58" s="851">
        <v>71496643.140000001</v>
      </c>
      <c r="E58" s="887"/>
      <c r="F58" s="851">
        <v>71496643.140000001</v>
      </c>
      <c r="G58" s="887"/>
      <c r="H58" s="384">
        <v>100</v>
      </c>
    </row>
    <row r="59" spans="1:8" s="20" customFormat="1" ht="10.5" x14ac:dyDescent="0.2">
      <c r="A59" s="276" t="s">
        <v>468</v>
      </c>
      <c r="B59" s="1045">
        <v>47811000</v>
      </c>
      <c r="C59" s="1046"/>
      <c r="D59" s="835">
        <v>50719239.32</v>
      </c>
      <c r="E59" s="888"/>
      <c r="F59" s="1045">
        <v>50719239.32</v>
      </c>
      <c r="G59" s="1046"/>
      <c r="H59" s="397">
        <v>100</v>
      </c>
    </row>
    <row r="60" spans="1:8" s="20" customFormat="1" ht="10.5" x14ac:dyDescent="0.2">
      <c r="A60" s="276" t="s">
        <v>469</v>
      </c>
      <c r="B60" s="1047">
        <v>0</v>
      </c>
      <c r="C60" s="1048"/>
      <c r="D60" s="835">
        <v>0</v>
      </c>
      <c r="E60" s="888"/>
      <c r="F60" s="1063">
        <v>0</v>
      </c>
      <c r="G60" s="1064"/>
      <c r="H60" s="397">
        <v>0</v>
      </c>
    </row>
    <row r="61" spans="1:8" s="20" customFormat="1" ht="10.5" x14ac:dyDescent="0.2">
      <c r="A61" s="276" t="s">
        <v>470</v>
      </c>
      <c r="B61" s="1047">
        <v>0</v>
      </c>
      <c r="C61" s="1048"/>
      <c r="D61" s="835">
        <v>15109610.4</v>
      </c>
      <c r="E61" s="888"/>
      <c r="F61" s="1045">
        <v>15109610.4</v>
      </c>
      <c r="G61" s="1046"/>
      <c r="H61" s="397">
        <v>100</v>
      </c>
    </row>
    <row r="62" spans="1:8" s="20" customFormat="1" ht="10.5" x14ac:dyDescent="0.2">
      <c r="A62" s="276" t="s">
        <v>471</v>
      </c>
      <c r="B62" s="1047">
        <v>0</v>
      </c>
      <c r="C62" s="1048"/>
      <c r="D62" s="835">
        <v>25278.52</v>
      </c>
      <c r="E62" s="888"/>
      <c r="F62" s="1045">
        <v>25278.52</v>
      </c>
      <c r="G62" s="1046"/>
      <c r="H62" s="397">
        <v>100</v>
      </c>
    </row>
    <row r="63" spans="1:8" s="20" customFormat="1" ht="10.5" x14ac:dyDescent="0.2">
      <c r="A63" s="276" t="s">
        <v>472</v>
      </c>
      <c r="B63" s="1047">
        <v>0</v>
      </c>
      <c r="C63" s="1048"/>
      <c r="D63" s="835">
        <v>4766406.45</v>
      </c>
      <c r="E63" s="888"/>
      <c r="F63" s="1045">
        <v>4766406.45</v>
      </c>
      <c r="G63" s="1046"/>
      <c r="H63" s="397">
        <v>100</v>
      </c>
    </row>
    <row r="64" spans="1:8" s="20" customFormat="1" ht="10.5" x14ac:dyDescent="0.2">
      <c r="A64" s="276" t="s">
        <v>473</v>
      </c>
      <c r="B64" s="1047">
        <v>0</v>
      </c>
      <c r="C64" s="1048"/>
      <c r="D64" s="835">
        <v>876108.45</v>
      </c>
      <c r="E64" s="888"/>
      <c r="F64" s="1045">
        <v>876108.45</v>
      </c>
      <c r="G64" s="1046"/>
      <c r="H64" s="397">
        <v>100</v>
      </c>
    </row>
    <row r="65" spans="1:8" s="237" customFormat="1" ht="10.5" x14ac:dyDescent="0.2">
      <c r="A65" s="284" t="s">
        <v>474</v>
      </c>
      <c r="B65" s="1047">
        <v>160903300</v>
      </c>
      <c r="C65" s="1048"/>
      <c r="D65" s="1047">
        <v>160903300</v>
      </c>
      <c r="E65" s="1048"/>
      <c r="F65" s="1086">
        <v>8321275.79</v>
      </c>
      <c r="G65" s="1087"/>
      <c r="H65" s="384">
        <v>5.1716004519484686</v>
      </c>
    </row>
    <row r="66" spans="1:8" s="20" customFormat="1" ht="10.5" x14ac:dyDescent="0.2">
      <c r="A66" s="276" t="s">
        <v>475</v>
      </c>
      <c r="B66" s="1049">
        <v>160903300</v>
      </c>
      <c r="C66" s="1050"/>
      <c r="D66" s="835">
        <v>160903300</v>
      </c>
      <c r="E66" s="888"/>
      <c r="F66" s="1045">
        <v>8321275.79</v>
      </c>
      <c r="G66" s="1046"/>
      <c r="H66" s="397">
        <v>5.1716004519484686</v>
      </c>
    </row>
    <row r="67" spans="1:8" s="20" customFormat="1" ht="10.5" x14ac:dyDescent="0.2">
      <c r="A67" s="116" t="s">
        <v>476</v>
      </c>
      <c r="B67" s="1047">
        <v>0</v>
      </c>
      <c r="C67" s="1048"/>
      <c r="D67" s="835">
        <v>0</v>
      </c>
      <c r="E67" s="888"/>
      <c r="F67" s="1063">
        <v>0</v>
      </c>
      <c r="G67" s="1064"/>
      <c r="H67" s="384">
        <v>0</v>
      </c>
    </row>
    <row r="68" spans="1:8" s="237" customFormat="1" ht="10.5" x14ac:dyDescent="0.2">
      <c r="A68" s="284" t="s">
        <v>477</v>
      </c>
      <c r="B68" s="1047">
        <v>0</v>
      </c>
      <c r="C68" s="1048"/>
      <c r="D68" s="835">
        <v>0</v>
      </c>
      <c r="E68" s="888"/>
      <c r="F68" s="1063">
        <v>0</v>
      </c>
      <c r="G68" s="1064"/>
      <c r="H68" s="384">
        <v>0</v>
      </c>
    </row>
    <row r="69" spans="1:8" s="237" customFormat="1" ht="15" customHeight="1" x14ac:dyDescent="0.2">
      <c r="A69" s="251" t="s">
        <v>780</v>
      </c>
      <c r="B69" s="1084">
        <v>0</v>
      </c>
      <c r="C69" s="1085"/>
      <c r="D69" s="1084">
        <v>0</v>
      </c>
      <c r="E69" s="1085"/>
      <c r="F69" s="1084">
        <v>0</v>
      </c>
      <c r="G69" s="1085"/>
      <c r="H69" s="383">
        <v>0</v>
      </c>
    </row>
    <row r="70" spans="1:8" s="237" customFormat="1" ht="26.25" customHeight="1" x14ac:dyDescent="0.2">
      <c r="A70" s="585" t="s">
        <v>805</v>
      </c>
      <c r="B70" s="1117">
        <v>208714300</v>
      </c>
      <c r="C70" s="1117">
        <v>0</v>
      </c>
      <c r="D70" s="1117">
        <v>232399943.13999999</v>
      </c>
      <c r="E70" s="1117">
        <v>0</v>
      </c>
      <c r="F70" s="1117">
        <v>79817918.930000007</v>
      </c>
      <c r="G70" s="1117">
        <v>0</v>
      </c>
      <c r="H70" s="586">
        <v>34.34506818356531</v>
      </c>
    </row>
    <row r="71" spans="1:8" s="237" customFormat="1" ht="15" customHeight="1" x14ac:dyDescent="0.2">
      <c r="A71" s="1044" t="s">
        <v>195</v>
      </c>
      <c r="B71" s="1044"/>
      <c r="C71" s="1044"/>
      <c r="D71" s="1044"/>
      <c r="E71" s="1044"/>
      <c r="F71" s="1044"/>
      <c r="G71" s="1044"/>
      <c r="H71" s="1044"/>
    </row>
    <row r="72" spans="1:8" s="237" customFormat="1" ht="15" customHeight="1" x14ac:dyDescent="0.2">
      <c r="A72" s="1035" t="s">
        <v>196</v>
      </c>
      <c r="B72" s="1028" t="s">
        <v>108</v>
      </c>
      <c r="C72" s="1060"/>
      <c r="D72" s="1028" t="s">
        <v>108</v>
      </c>
      <c r="E72" s="1060"/>
      <c r="F72" s="1033" t="s">
        <v>109</v>
      </c>
      <c r="G72" s="1044"/>
      <c r="H72" s="1044"/>
    </row>
    <row r="73" spans="1:8" s="237" customFormat="1" ht="15" customHeight="1" x14ac:dyDescent="0.2">
      <c r="A73" s="1036"/>
      <c r="B73" s="1029" t="s">
        <v>111</v>
      </c>
      <c r="C73" s="1056"/>
      <c r="D73" s="1029" t="s">
        <v>112</v>
      </c>
      <c r="E73" s="1056"/>
      <c r="F73" s="1028" t="s">
        <v>115</v>
      </c>
      <c r="G73" s="1060"/>
      <c r="H73" s="234" t="s">
        <v>114</v>
      </c>
    </row>
    <row r="74" spans="1:8" s="237" customFormat="1" ht="15" customHeight="1" x14ac:dyDescent="0.2">
      <c r="A74" s="1037"/>
      <c r="B74" s="1030"/>
      <c r="C74" s="1057"/>
      <c r="D74" s="1030" t="s">
        <v>116</v>
      </c>
      <c r="E74" s="1057"/>
      <c r="F74" s="1030" t="s">
        <v>117</v>
      </c>
      <c r="G74" s="1057"/>
      <c r="H74" s="235" t="s">
        <v>188</v>
      </c>
    </row>
    <row r="75" spans="1:8" s="237" customFormat="1" ht="10.5" x14ac:dyDescent="0.2">
      <c r="A75" s="253" t="s">
        <v>478</v>
      </c>
      <c r="B75" s="1097">
        <v>1302242850</v>
      </c>
      <c r="C75" s="1098"/>
      <c r="D75" s="1097">
        <v>1338269218.4220002</v>
      </c>
      <c r="E75" s="1098"/>
      <c r="F75" s="851">
        <v>1326424683.4129999</v>
      </c>
      <c r="G75" s="887"/>
      <c r="H75" s="326">
        <v>99.114936303850229</v>
      </c>
    </row>
    <row r="76" spans="1:8" s="20" customFormat="1" ht="10.5" x14ac:dyDescent="0.2">
      <c r="A76" s="276" t="s">
        <v>479</v>
      </c>
      <c r="B76" s="1082">
        <v>1017993150</v>
      </c>
      <c r="C76" s="1083">
        <v>0</v>
      </c>
      <c r="D76" s="1082">
        <v>1046627752.983</v>
      </c>
      <c r="E76" s="1083">
        <v>0</v>
      </c>
      <c r="F76" s="835">
        <v>1045812871.482</v>
      </c>
      <c r="G76" s="888">
        <v>0</v>
      </c>
      <c r="H76" s="328">
        <v>99.922142184871603</v>
      </c>
    </row>
    <row r="77" spans="1:8" s="20" customFormat="1" ht="10.5" x14ac:dyDescent="0.2">
      <c r="A77" s="276" t="s">
        <v>480</v>
      </c>
      <c r="B77" s="1082">
        <v>21606200</v>
      </c>
      <c r="C77" s="1083">
        <v>0</v>
      </c>
      <c r="D77" s="1082">
        <v>23658170.236000001</v>
      </c>
      <c r="E77" s="1083">
        <v>0</v>
      </c>
      <c r="F77" s="835">
        <v>23259696.118000001</v>
      </c>
      <c r="G77" s="888">
        <v>0</v>
      </c>
      <c r="H77" s="328">
        <v>98.315701873707667</v>
      </c>
    </row>
    <row r="78" spans="1:8" s="20" customFormat="1" ht="10.5" x14ac:dyDescent="0.2">
      <c r="A78" s="276" t="s">
        <v>481</v>
      </c>
      <c r="B78" s="1082">
        <v>34393500</v>
      </c>
      <c r="C78" s="1083">
        <v>0</v>
      </c>
      <c r="D78" s="1082">
        <v>36545014.144000001</v>
      </c>
      <c r="E78" s="1083">
        <v>0</v>
      </c>
      <c r="F78" s="835">
        <v>36540509.700000003</v>
      </c>
      <c r="G78" s="888">
        <v>0</v>
      </c>
      <c r="H78" s="328">
        <v>99.987674258430303</v>
      </c>
    </row>
    <row r="79" spans="1:8" s="20" customFormat="1" ht="10.5" x14ac:dyDescent="0.2">
      <c r="A79" s="276" t="s">
        <v>482</v>
      </c>
      <c r="B79" s="1082">
        <v>214100000</v>
      </c>
      <c r="C79" s="1083">
        <v>0</v>
      </c>
      <c r="D79" s="1082">
        <v>214100000</v>
      </c>
      <c r="E79" s="1083">
        <v>0</v>
      </c>
      <c r="F79" s="835">
        <v>203481973.80000001</v>
      </c>
      <c r="G79" s="888">
        <v>0</v>
      </c>
      <c r="H79" s="328">
        <v>95.040622979915938</v>
      </c>
    </row>
    <row r="80" spans="1:8" s="20" customFormat="1" ht="10.5" x14ac:dyDescent="0.2">
      <c r="A80" s="276" t="s">
        <v>483</v>
      </c>
      <c r="B80" s="1082">
        <v>3620000</v>
      </c>
      <c r="C80" s="1083">
        <v>0</v>
      </c>
      <c r="D80" s="1082">
        <v>3620000</v>
      </c>
      <c r="E80" s="1083">
        <v>0</v>
      </c>
      <c r="F80" s="835">
        <v>3611351.2540000002</v>
      </c>
      <c r="G80" s="888">
        <v>0</v>
      </c>
      <c r="H80" s="328">
        <v>99.76108436464088</v>
      </c>
    </row>
    <row r="81" spans="1:8" s="20" customFormat="1" ht="10.5" x14ac:dyDescent="0.2">
      <c r="A81" s="276" t="s">
        <v>484</v>
      </c>
      <c r="B81" s="1082">
        <v>10530000</v>
      </c>
      <c r="C81" s="1083">
        <v>0</v>
      </c>
      <c r="D81" s="1082">
        <v>13718281.059</v>
      </c>
      <c r="E81" s="1083">
        <v>0</v>
      </c>
      <c r="F81" s="835">
        <v>13718281.059</v>
      </c>
      <c r="G81" s="888">
        <v>0</v>
      </c>
      <c r="H81" s="328">
        <v>100</v>
      </c>
    </row>
    <row r="82" spans="1:8" s="237" customFormat="1" ht="10.5" x14ac:dyDescent="0.2">
      <c r="A82" s="284" t="s">
        <v>485</v>
      </c>
      <c r="B82" s="1080">
        <v>927764000</v>
      </c>
      <c r="C82" s="1081"/>
      <c r="D82" s="1080">
        <v>930239108.95000005</v>
      </c>
      <c r="E82" s="1081"/>
      <c r="F82" s="851">
        <v>857147010.75</v>
      </c>
      <c r="G82" s="887"/>
      <c r="H82" s="349">
        <v>92.142654775877759</v>
      </c>
    </row>
    <row r="83" spans="1:8" s="20" customFormat="1" ht="10.5" x14ac:dyDescent="0.2">
      <c r="A83" s="276" t="s">
        <v>486</v>
      </c>
      <c r="B83" s="1082">
        <v>927764000</v>
      </c>
      <c r="C83" s="1083"/>
      <c r="D83" s="835">
        <v>927764000</v>
      </c>
      <c r="E83" s="888"/>
      <c r="F83" s="835">
        <v>854671901.79999995</v>
      </c>
      <c r="G83" s="888"/>
      <c r="H83" s="328">
        <v>92.121692779629299</v>
      </c>
    </row>
    <row r="84" spans="1:8" s="20" customFormat="1" ht="10.5" x14ac:dyDescent="0.2">
      <c r="A84" s="276" t="s">
        <v>487</v>
      </c>
      <c r="B84" s="1082">
        <v>0</v>
      </c>
      <c r="C84" s="1083"/>
      <c r="D84" s="835">
        <v>0</v>
      </c>
      <c r="E84" s="888"/>
      <c r="F84" s="851">
        <v>0</v>
      </c>
      <c r="G84" s="887"/>
      <c r="H84" s="614">
        <v>0</v>
      </c>
    </row>
    <row r="85" spans="1:8" s="20" customFormat="1" ht="10.5" x14ac:dyDescent="0.2">
      <c r="A85" s="282" t="s">
        <v>488</v>
      </c>
      <c r="B85" s="1099">
        <v>0</v>
      </c>
      <c r="C85" s="1100"/>
      <c r="D85" s="835">
        <v>2475108.9500000002</v>
      </c>
      <c r="E85" s="888"/>
      <c r="F85" s="835">
        <v>2475108.9500000002</v>
      </c>
      <c r="G85" s="888"/>
      <c r="H85" s="614">
        <v>100</v>
      </c>
    </row>
    <row r="86" spans="1:8" s="237" customFormat="1" ht="15" customHeight="1" x14ac:dyDescent="0.2">
      <c r="A86" s="250" t="s">
        <v>489</v>
      </c>
      <c r="B86" s="1101">
        <v>-374478850</v>
      </c>
      <c r="C86" s="1102"/>
      <c r="D86" s="1101">
        <v>-410505218.42200017</v>
      </c>
      <c r="E86" s="1102"/>
      <c r="F86" s="831">
        <v>-471752781.61299992</v>
      </c>
      <c r="G86" s="832"/>
      <c r="H86" s="371">
        <v>114.92004496957139</v>
      </c>
    </row>
    <row r="87" spans="1:8" s="20" customFormat="1" ht="10.5" customHeight="1" x14ac:dyDescent="0.2">
      <c r="A87" s="302" t="s">
        <v>435</v>
      </c>
      <c r="B87" s="300"/>
      <c r="C87" s="300"/>
      <c r="D87" s="300"/>
      <c r="E87" s="300"/>
      <c r="F87" s="535"/>
      <c r="H87" s="89"/>
    </row>
    <row r="88" spans="1:8" s="20" customFormat="1" ht="10.5" customHeight="1" x14ac:dyDescent="0.2">
      <c r="A88" s="112" t="s">
        <v>436</v>
      </c>
      <c r="B88" s="301"/>
      <c r="C88" s="301"/>
      <c r="D88" s="301"/>
      <c r="E88" s="301"/>
      <c r="F88" s="301"/>
      <c r="H88" s="98"/>
    </row>
    <row r="89" spans="1:8" s="237" customFormat="1" ht="51.75" customHeight="1" x14ac:dyDescent="0.2">
      <c r="A89" s="1035" t="s">
        <v>197</v>
      </c>
      <c r="B89" s="87" t="s">
        <v>157</v>
      </c>
      <c r="C89" s="87" t="s">
        <v>157</v>
      </c>
      <c r="D89" s="1033" t="s">
        <v>158</v>
      </c>
      <c r="E89" s="1044"/>
      <c r="F89" s="1033" t="s">
        <v>159</v>
      </c>
      <c r="G89" s="1044"/>
      <c r="H89" s="1115" t="s">
        <v>781</v>
      </c>
    </row>
    <row r="90" spans="1:8" s="237" customFormat="1" ht="15" customHeight="1" x14ac:dyDescent="0.2">
      <c r="A90" s="1036"/>
      <c r="B90" s="88" t="s">
        <v>111</v>
      </c>
      <c r="C90" s="88" t="s">
        <v>112</v>
      </c>
      <c r="D90" s="87" t="s">
        <v>115</v>
      </c>
      <c r="E90" s="234" t="s">
        <v>114</v>
      </c>
      <c r="F90" s="254" t="s">
        <v>115</v>
      </c>
      <c r="G90" s="234" t="s">
        <v>114</v>
      </c>
      <c r="H90" s="1116"/>
    </row>
    <row r="91" spans="1:8" s="237" customFormat="1" ht="15" customHeight="1" x14ac:dyDescent="0.2">
      <c r="A91" s="1037"/>
      <c r="B91" s="233"/>
      <c r="C91" s="232" t="s">
        <v>162</v>
      </c>
      <c r="D91" s="232" t="s">
        <v>163</v>
      </c>
      <c r="E91" s="235" t="s">
        <v>198</v>
      </c>
      <c r="F91" s="232" t="s">
        <v>164</v>
      </c>
      <c r="G91" s="235" t="s">
        <v>455</v>
      </c>
      <c r="H91" s="256" t="s">
        <v>353</v>
      </c>
    </row>
    <row r="92" spans="1:8" s="237" customFormat="1" ht="10.5" x14ac:dyDescent="0.2">
      <c r="A92" s="253" t="s">
        <v>490</v>
      </c>
      <c r="B92" s="771">
        <v>921164000</v>
      </c>
      <c r="C92" s="772">
        <v>936194000</v>
      </c>
      <c r="D92" s="772">
        <v>933283285.40999997</v>
      </c>
      <c r="E92" s="773">
        <v>99.689090659628235</v>
      </c>
      <c r="F92" s="772">
        <v>836724889.30999994</v>
      </c>
      <c r="G92" s="774">
        <v>89.375160416537597</v>
      </c>
      <c r="H92" s="775">
        <v>96558396.100000024</v>
      </c>
    </row>
    <row r="93" spans="1:8" s="20" customFormat="1" ht="10.5" x14ac:dyDescent="0.2">
      <c r="A93" s="276" t="s">
        <v>491</v>
      </c>
      <c r="B93" s="776">
        <v>552698400</v>
      </c>
      <c r="C93" s="777">
        <v>561716400</v>
      </c>
      <c r="D93" s="777">
        <v>559969971.24599993</v>
      </c>
      <c r="E93" s="778">
        <v>99.689090659628235</v>
      </c>
      <c r="F93" s="777">
        <v>502034933.58599997</v>
      </c>
      <c r="G93" s="778">
        <v>89.375160416537597</v>
      </c>
      <c r="H93" s="779">
        <v>57935037.659999967</v>
      </c>
    </row>
    <row r="94" spans="1:8" s="20" customFormat="1" ht="10.5" x14ac:dyDescent="0.2">
      <c r="A94" s="276" t="s">
        <v>492</v>
      </c>
      <c r="B94" s="776">
        <v>368465600</v>
      </c>
      <c r="C94" s="777">
        <v>374477600</v>
      </c>
      <c r="D94" s="777">
        <v>373313314.16400003</v>
      </c>
      <c r="E94" s="778">
        <v>99.689090659628249</v>
      </c>
      <c r="F94" s="777">
        <v>334689955.72399998</v>
      </c>
      <c r="G94" s="778">
        <v>89.375160416537597</v>
      </c>
      <c r="H94" s="779">
        <v>38623358.440000057</v>
      </c>
    </row>
    <row r="95" spans="1:8" s="237" customFormat="1" ht="10.5" x14ac:dyDescent="0.2">
      <c r="A95" s="284" t="s">
        <v>493</v>
      </c>
      <c r="B95" s="780">
        <v>6600000</v>
      </c>
      <c r="C95" s="781">
        <v>9170000</v>
      </c>
      <c r="D95" s="781">
        <v>8456132.5199999996</v>
      </c>
      <c r="E95" s="773">
        <v>92.215185605234453</v>
      </c>
      <c r="F95" s="781">
        <v>8133898.9000000004</v>
      </c>
      <c r="G95" s="773">
        <v>88.701187568157039</v>
      </c>
      <c r="H95" s="782">
        <v>322233.61999999918</v>
      </c>
    </row>
    <row r="96" spans="1:8" s="20" customFormat="1" ht="10.5" x14ac:dyDescent="0.2">
      <c r="A96" s="276" t="s">
        <v>494</v>
      </c>
      <c r="B96" s="776">
        <v>6600000</v>
      </c>
      <c r="C96" s="777">
        <v>9170000</v>
      </c>
      <c r="D96" s="777">
        <v>8456132.5199999996</v>
      </c>
      <c r="E96" s="778">
        <v>92.215185605234453</v>
      </c>
      <c r="F96" s="777">
        <v>8133898.9000000004</v>
      </c>
      <c r="G96" s="778">
        <v>88.701187568157039</v>
      </c>
      <c r="H96" s="779">
        <v>322233.61999999918</v>
      </c>
    </row>
    <row r="97" spans="1:8" s="20" customFormat="1" ht="10.5" x14ac:dyDescent="0.2">
      <c r="A97" s="282" t="s">
        <v>495</v>
      </c>
      <c r="B97" s="783">
        <v>0</v>
      </c>
      <c r="C97" s="784">
        <v>0</v>
      </c>
      <c r="D97" s="784">
        <v>0</v>
      </c>
      <c r="E97" s="785">
        <v>0</v>
      </c>
      <c r="F97" s="784">
        <v>0</v>
      </c>
      <c r="G97" s="786">
        <v>0</v>
      </c>
      <c r="H97" s="787">
        <v>0</v>
      </c>
    </row>
    <row r="98" spans="1:8" s="237" customFormat="1" ht="15" customHeight="1" x14ac:dyDescent="0.2">
      <c r="A98" s="250" t="s">
        <v>496</v>
      </c>
      <c r="B98" s="788">
        <v>927764000</v>
      </c>
      <c r="C98" s="788">
        <v>945364000</v>
      </c>
      <c r="D98" s="788">
        <v>941739417.92999995</v>
      </c>
      <c r="E98" s="789">
        <v>99.616594024100763</v>
      </c>
      <c r="F98" s="788">
        <v>844858788.20999992</v>
      </c>
      <c r="G98" s="790">
        <v>89.36862290186636</v>
      </c>
      <c r="H98" s="791">
        <v>96880629.720000029</v>
      </c>
    </row>
    <row r="99" spans="1:8" s="20" customFormat="1" ht="15" customHeight="1" x14ac:dyDescent="0.2">
      <c r="A99" s="1044" t="s">
        <v>437</v>
      </c>
      <c r="B99" s="1044"/>
      <c r="C99" s="1044"/>
      <c r="D99" s="1044"/>
      <c r="E99" s="1044"/>
      <c r="F99" s="1044"/>
      <c r="G99" s="1044"/>
      <c r="H99" s="1044"/>
    </row>
    <row r="100" spans="1:8" s="237" customFormat="1" ht="10.5" x14ac:dyDescent="0.2">
      <c r="A100" s="1108" t="s">
        <v>497</v>
      </c>
      <c r="B100" s="1108"/>
      <c r="C100" s="1108"/>
      <c r="D100" s="1108"/>
      <c r="E100" s="1108"/>
      <c r="F100" s="1109"/>
      <c r="G100" s="1053">
        <v>0</v>
      </c>
      <c r="H100" s="1054"/>
    </row>
    <row r="101" spans="1:8" s="20" customFormat="1" ht="10.5" x14ac:dyDescent="0.2">
      <c r="A101" s="1093" t="s">
        <v>498</v>
      </c>
      <c r="B101" s="1093"/>
      <c r="C101" s="1093"/>
      <c r="D101" s="1093"/>
      <c r="E101" s="1093"/>
      <c r="F101" s="1094"/>
      <c r="G101" s="1045">
        <v>0</v>
      </c>
      <c r="H101" s="1071"/>
    </row>
    <row r="102" spans="1:8" s="20" customFormat="1" ht="10.5" x14ac:dyDescent="0.2">
      <c r="A102" s="1093" t="s">
        <v>499</v>
      </c>
      <c r="B102" s="1093"/>
      <c r="C102" s="1093"/>
      <c r="D102" s="1093"/>
      <c r="E102" s="1093"/>
      <c r="F102" s="1094"/>
      <c r="G102" s="1045">
        <v>0</v>
      </c>
      <c r="H102" s="1071"/>
    </row>
    <row r="103" spans="1:8" s="237" customFormat="1" ht="12.75" customHeight="1" x14ac:dyDescent="0.2">
      <c r="A103" s="1090" t="s">
        <v>500</v>
      </c>
      <c r="B103" s="1090"/>
      <c r="C103" s="1090"/>
      <c r="D103" s="1090"/>
      <c r="E103" s="1090"/>
      <c r="F103" s="1103"/>
      <c r="G103" s="1045">
        <v>0</v>
      </c>
      <c r="H103" s="1071"/>
    </row>
    <row r="104" spans="1:8" s="20" customFormat="1" ht="13.5" customHeight="1" x14ac:dyDescent="0.2">
      <c r="A104" s="1093" t="s">
        <v>501</v>
      </c>
      <c r="B104" s="1093"/>
      <c r="C104" s="1093"/>
      <c r="D104" s="1093"/>
      <c r="E104" s="1093"/>
      <c r="F104" s="1094"/>
      <c r="G104" s="1045">
        <v>0</v>
      </c>
      <c r="H104" s="1071"/>
    </row>
    <row r="105" spans="1:8" s="20" customFormat="1" ht="10.5" x14ac:dyDescent="0.2">
      <c r="A105" s="1138" t="s">
        <v>502</v>
      </c>
      <c r="B105" s="1138"/>
      <c r="C105" s="1138"/>
      <c r="D105" s="1138"/>
      <c r="E105" s="1138"/>
      <c r="F105" s="1139"/>
      <c r="G105" s="1140">
        <v>0</v>
      </c>
      <c r="H105" s="1141"/>
    </row>
    <row r="106" spans="1:8" s="237" customFormat="1" ht="15" customHeight="1" x14ac:dyDescent="0.2">
      <c r="A106" s="1091" t="s">
        <v>503</v>
      </c>
      <c r="B106" s="1091"/>
      <c r="C106" s="1091"/>
      <c r="D106" s="1091"/>
      <c r="E106" s="1091"/>
      <c r="F106" s="1092"/>
      <c r="G106" s="1072">
        <v>0</v>
      </c>
      <c r="H106" s="1073"/>
    </row>
    <row r="107" spans="1:8" s="237" customFormat="1" ht="15" customHeight="1" x14ac:dyDescent="0.2">
      <c r="A107" s="1091" t="s">
        <v>438</v>
      </c>
      <c r="B107" s="1091"/>
      <c r="C107" s="1091"/>
      <c r="D107" s="1091"/>
      <c r="E107" s="1091"/>
      <c r="F107" s="1092"/>
      <c r="G107" s="1033" t="s">
        <v>209</v>
      </c>
      <c r="H107" s="1044"/>
    </row>
    <row r="108" spans="1:8" s="237" customFormat="1" ht="12.75" customHeight="1" x14ac:dyDescent="0.2">
      <c r="A108" s="1118" t="s">
        <v>504</v>
      </c>
      <c r="B108" s="1118"/>
      <c r="C108" s="1118"/>
      <c r="D108" s="1118"/>
      <c r="E108" s="1118"/>
      <c r="F108" s="1119"/>
      <c r="G108" s="1074">
        <v>844858788.20999992</v>
      </c>
      <c r="H108" s="1075" t="e">
        <v>#DIV/0!</v>
      </c>
    </row>
    <row r="109" spans="1:8" s="20" customFormat="1" ht="16.5" customHeight="1" x14ac:dyDescent="0.2">
      <c r="A109" s="1078" t="s">
        <v>640</v>
      </c>
      <c r="B109" s="1078"/>
      <c r="C109" s="1078"/>
      <c r="D109" s="1078"/>
      <c r="E109" s="1078"/>
      <c r="F109" s="1079"/>
      <c r="G109" s="1095">
        <v>97.617430710966275</v>
      </c>
      <c r="H109" s="1096"/>
    </row>
    <row r="110" spans="1:8" s="20" customFormat="1" ht="10.5" x14ac:dyDescent="0.2">
      <c r="A110" s="1078" t="s">
        <v>505</v>
      </c>
      <c r="B110" s="1078"/>
      <c r="C110" s="1078"/>
      <c r="D110" s="1078"/>
      <c r="E110" s="1078"/>
      <c r="F110" s="1079"/>
      <c r="G110" s="1095">
        <v>0.94895027317226166</v>
      </c>
      <c r="H110" s="1096" t="e">
        <v>#DIV/0!</v>
      </c>
    </row>
    <row r="111" spans="1:8" s="20" customFormat="1" ht="15" customHeight="1" x14ac:dyDescent="0.2">
      <c r="A111" s="1076" t="s">
        <v>506</v>
      </c>
      <c r="B111" s="1076"/>
      <c r="C111" s="1076"/>
      <c r="D111" s="1076"/>
      <c r="E111" s="1076"/>
      <c r="F111" s="1077"/>
      <c r="G111" s="1065">
        <v>1.433619015861467</v>
      </c>
      <c r="H111" s="1066"/>
    </row>
    <row r="112" spans="1:8" s="237" customFormat="1" ht="15" customHeight="1" x14ac:dyDescent="0.2">
      <c r="A112" s="1044" t="s">
        <v>342</v>
      </c>
      <c r="B112" s="1044"/>
      <c r="C112" s="1044"/>
      <c r="D112" s="1044"/>
      <c r="E112" s="1044"/>
      <c r="F112" s="1034"/>
      <c r="G112" s="1033" t="s">
        <v>209</v>
      </c>
      <c r="H112" s="1044"/>
    </row>
    <row r="113" spans="1:9" s="237" customFormat="1" ht="15" customHeight="1" x14ac:dyDescent="0.2">
      <c r="A113" s="1061" t="s">
        <v>815</v>
      </c>
      <c r="B113" s="1061"/>
      <c r="C113" s="1061"/>
      <c r="D113" s="1061"/>
      <c r="E113" s="1061"/>
      <c r="F113" s="1062"/>
      <c r="G113" s="1067">
        <v>0</v>
      </c>
      <c r="H113" s="1068"/>
    </row>
    <row r="114" spans="1:9" s="237" customFormat="1" ht="17.25" customHeight="1" x14ac:dyDescent="0.2">
      <c r="A114" s="1105" t="s">
        <v>816</v>
      </c>
      <c r="B114" s="1105"/>
      <c r="C114" s="1105"/>
      <c r="D114" s="1105"/>
      <c r="E114" s="1105"/>
      <c r="F114" s="1106"/>
      <c r="G114" s="1069">
        <v>0</v>
      </c>
      <c r="H114" s="1070"/>
    </row>
    <row r="115" spans="1:9" s="20" customFormat="1" ht="15" customHeight="1" x14ac:dyDescent="0.2">
      <c r="A115" s="1044" t="s">
        <v>341</v>
      </c>
      <c r="B115" s="1044"/>
      <c r="C115" s="1044"/>
      <c r="D115" s="1044"/>
      <c r="E115" s="1044"/>
      <c r="F115" s="1044"/>
      <c r="G115" s="1044"/>
      <c r="H115" s="1044"/>
    </row>
    <row r="116" spans="1:9" s="237" customFormat="1" ht="15" customHeight="1" x14ac:dyDescent="0.2">
      <c r="A116" s="1035" t="s">
        <v>343</v>
      </c>
      <c r="B116" s="1028" t="s">
        <v>108</v>
      </c>
      <c r="C116" s="1060"/>
      <c r="D116" s="1028" t="s">
        <v>108</v>
      </c>
      <c r="E116" s="1060"/>
      <c r="F116" s="1033" t="s">
        <v>109</v>
      </c>
      <c r="G116" s="1044"/>
      <c r="H116" s="1044"/>
    </row>
    <row r="117" spans="1:9" s="237" customFormat="1" ht="15" customHeight="1" x14ac:dyDescent="0.2">
      <c r="A117" s="1036"/>
      <c r="B117" s="1029" t="s">
        <v>111</v>
      </c>
      <c r="C117" s="1056"/>
      <c r="D117" s="1029" t="s">
        <v>112</v>
      </c>
      <c r="E117" s="1056"/>
      <c r="F117" s="1028" t="s">
        <v>115</v>
      </c>
      <c r="G117" s="1060"/>
      <c r="H117" s="234" t="s">
        <v>114</v>
      </c>
    </row>
    <row r="118" spans="1:9" s="237" customFormat="1" ht="15" customHeight="1" x14ac:dyDescent="0.2">
      <c r="A118" s="1037"/>
      <c r="B118" s="1030"/>
      <c r="C118" s="1057"/>
      <c r="D118" s="1030" t="s">
        <v>116</v>
      </c>
      <c r="E118" s="1057"/>
      <c r="F118" s="1030" t="s">
        <v>117</v>
      </c>
      <c r="G118" s="1057"/>
      <c r="H118" s="235" t="s">
        <v>188</v>
      </c>
    </row>
    <row r="119" spans="1:9" s="237" customFormat="1" ht="15" customHeight="1" x14ac:dyDescent="0.2">
      <c r="A119" s="265" t="s">
        <v>782</v>
      </c>
      <c r="B119" s="1058">
        <v>1773576312.5</v>
      </c>
      <c r="C119" s="1059"/>
      <c r="D119" s="1058">
        <v>1834413045.4449999</v>
      </c>
      <c r="E119" s="1059"/>
      <c r="F119" s="1058">
        <v>1817618926.9312496</v>
      </c>
      <c r="G119" s="1059"/>
      <c r="H119" s="442">
        <v>99.084496343097243</v>
      </c>
    </row>
    <row r="120" spans="1:9" s="237" customFormat="1" ht="50.1" customHeight="1" x14ac:dyDescent="0.2">
      <c r="A120" s="1035" t="s">
        <v>344</v>
      </c>
      <c r="B120" s="87" t="s">
        <v>157</v>
      </c>
      <c r="C120" s="87" t="s">
        <v>157</v>
      </c>
      <c r="D120" s="1033" t="s">
        <v>158</v>
      </c>
      <c r="E120" s="1044"/>
      <c r="F120" s="1033" t="s">
        <v>159</v>
      </c>
      <c r="G120" s="1044"/>
      <c r="H120" s="262" t="s">
        <v>781</v>
      </c>
    </row>
    <row r="121" spans="1:9" customFormat="1" ht="15" customHeight="1" x14ac:dyDescent="0.2">
      <c r="A121" s="1036"/>
      <c r="B121" s="88" t="s">
        <v>111</v>
      </c>
      <c r="C121" s="88" t="s">
        <v>112</v>
      </c>
      <c r="D121" s="87" t="s">
        <v>115</v>
      </c>
      <c r="E121" s="234" t="s">
        <v>114</v>
      </c>
      <c r="F121" s="87" t="s">
        <v>115</v>
      </c>
      <c r="G121" s="234" t="s">
        <v>114</v>
      </c>
      <c r="H121" s="263"/>
    </row>
    <row r="122" spans="1:9" s="237" customFormat="1" ht="15" customHeight="1" x14ac:dyDescent="0.2">
      <c r="A122" s="1037"/>
      <c r="B122" s="233"/>
      <c r="C122" s="232" t="s">
        <v>162</v>
      </c>
      <c r="D122" s="232" t="s">
        <v>163</v>
      </c>
      <c r="E122" s="235" t="s">
        <v>198</v>
      </c>
      <c r="F122" s="232" t="s">
        <v>164</v>
      </c>
      <c r="G122" s="235" t="s">
        <v>455</v>
      </c>
      <c r="H122" s="255" t="s">
        <v>353</v>
      </c>
    </row>
    <row r="123" spans="1:9" s="237" customFormat="1" ht="10.5" x14ac:dyDescent="0.2">
      <c r="A123" s="253" t="s">
        <v>507</v>
      </c>
      <c r="B123" s="372">
        <v>140400</v>
      </c>
      <c r="C123" s="526">
        <v>140400</v>
      </c>
      <c r="D123" s="537">
        <v>0</v>
      </c>
      <c r="E123" s="540">
        <v>0</v>
      </c>
      <c r="F123" s="526">
        <v>0</v>
      </c>
      <c r="G123" s="537">
        <v>0</v>
      </c>
      <c r="H123" s="440">
        <v>0</v>
      </c>
    </row>
    <row r="124" spans="1:9" s="20" customFormat="1" ht="10.5" x14ac:dyDescent="0.2">
      <c r="A124" s="276" t="s">
        <v>508</v>
      </c>
      <c r="B124" s="416">
        <v>140400</v>
      </c>
      <c r="C124" s="548">
        <v>140400</v>
      </c>
      <c r="D124" s="444">
        <v>0</v>
      </c>
      <c r="E124" s="540">
        <v>0</v>
      </c>
      <c r="F124" s="526">
        <v>0</v>
      </c>
      <c r="G124" s="444">
        <v>0</v>
      </c>
      <c r="H124" s="770">
        <v>0</v>
      </c>
    </row>
    <row r="125" spans="1:9" customFormat="1" ht="12.75" x14ac:dyDescent="0.2">
      <c r="A125" s="276" t="s">
        <v>509</v>
      </c>
      <c r="B125" s="416"/>
      <c r="C125" s="526"/>
      <c r="D125" s="444"/>
      <c r="E125" s="540"/>
      <c r="F125" s="526"/>
      <c r="G125" s="444"/>
      <c r="H125" s="770">
        <v>0</v>
      </c>
      <c r="I125" s="587"/>
    </row>
    <row r="126" spans="1:9" s="237" customFormat="1" ht="10.5" x14ac:dyDescent="0.15">
      <c r="A126" s="284" t="s">
        <v>510</v>
      </c>
      <c r="B126" s="441">
        <v>571144100</v>
      </c>
      <c r="C126" s="526">
        <v>575642853</v>
      </c>
      <c r="D126" s="444">
        <v>572181094.78599989</v>
      </c>
      <c r="E126" s="441">
        <v>99.398627430887231</v>
      </c>
      <c r="F126" s="526">
        <v>513921674.63599992</v>
      </c>
      <c r="G126" s="412">
        <v>89.277869421580377</v>
      </c>
      <c r="H126" s="545">
        <v>58259420.149999969</v>
      </c>
      <c r="I126" s="587"/>
    </row>
    <row r="127" spans="1:9" s="20" customFormat="1" ht="10.5" x14ac:dyDescent="0.15">
      <c r="A127" s="276" t="s">
        <v>511</v>
      </c>
      <c r="B127" s="416">
        <v>559298400</v>
      </c>
      <c r="C127" s="548">
        <v>570886400</v>
      </c>
      <c r="D127" s="552">
        <v>568426103.76599991</v>
      </c>
      <c r="E127" s="527">
        <v>99.5690392635032</v>
      </c>
      <c r="F127" s="544">
        <v>510168832.48599994</v>
      </c>
      <c r="G127" s="538">
        <v>89.364334565685908</v>
      </c>
      <c r="H127" s="770">
        <v>58257271.279999971</v>
      </c>
      <c r="I127" s="587"/>
    </row>
    <row r="128" spans="1:9" s="20" customFormat="1" ht="10.5" x14ac:dyDescent="0.15">
      <c r="A128" s="276" t="s">
        <v>512</v>
      </c>
      <c r="B128" s="416">
        <v>11845700</v>
      </c>
      <c r="C128" s="548">
        <v>4756453</v>
      </c>
      <c r="D128" s="552">
        <v>3754991.02</v>
      </c>
      <c r="E128" s="527">
        <v>78.945193403571949</v>
      </c>
      <c r="F128" s="544">
        <v>3752842.15</v>
      </c>
      <c r="G128" s="538">
        <v>78.900015410643178</v>
      </c>
      <c r="H128" s="770">
        <v>2148.8700000001118</v>
      </c>
      <c r="I128" s="587"/>
    </row>
    <row r="129" spans="1:9" s="237" customFormat="1" ht="10.5" x14ac:dyDescent="0.15">
      <c r="A129" s="284" t="s">
        <v>513</v>
      </c>
      <c r="B129" s="373">
        <v>396382800</v>
      </c>
      <c r="C129" s="526">
        <v>379538660</v>
      </c>
      <c r="D129" s="444">
        <v>375711007.45400006</v>
      </c>
      <c r="E129" s="417">
        <v>98.991498640481069</v>
      </c>
      <c r="F129" s="526">
        <v>336901649.014</v>
      </c>
      <c r="G129" s="412">
        <v>88.766095399609625</v>
      </c>
      <c r="H129" s="536">
        <v>38809358.440000057</v>
      </c>
      <c r="I129" s="587"/>
    </row>
    <row r="130" spans="1:9" s="20" customFormat="1" ht="10.5" x14ac:dyDescent="0.2">
      <c r="A130" s="276" t="s">
        <v>514</v>
      </c>
      <c r="B130" s="416">
        <v>368465600</v>
      </c>
      <c r="C130" s="548">
        <v>374477600</v>
      </c>
      <c r="D130" s="552">
        <v>373313314.16400003</v>
      </c>
      <c r="E130" s="527">
        <v>99.689090659628249</v>
      </c>
      <c r="F130" s="544">
        <v>334689955.72399998</v>
      </c>
      <c r="G130" s="538">
        <v>89.375160416537597</v>
      </c>
      <c r="H130" s="770">
        <v>38623358.440000057</v>
      </c>
    </row>
    <row r="131" spans="1:9" s="20" customFormat="1" ht="10.5" x14ac:dyDescent="0.2">
      <c r="A131" s="276" t="s">
        <v>515</v>
      </c>
      <c r="B131" s="416">
        <v>27917200</v>
      </c>
      <c r="C131" s="548">
        <v>5061060</v>
      </c>
      <c r="D131" s="552">
        <v>2397693.29</v>
      </c>
      <c r="E131" s="527">
        <v>47.375318411558055</v>
      </c>
      <c r="F131" s="544">
        <v>2211693.29</v>
      </c>
      <c r="G131" s="552">
        <v>43.70019897017621</v>
      </c>
      <c r="H131" s="770">
        <v>186000</v>
      </c>
    </row>
    <row r="132" spans="1:9" s="237" customFormat="1" ht="10.5" x14ac:dyDescent="0.2">
      <c r="A132" s="284" t="s">
        <v>516</v>
      </c>
      <c r="B132" s="373">
        <v>18984800</v>
      </c>
      <c r="C132" s="526">
        <v>16653670</v>
      </c>
      <c r="D132" s="444">
        <v>11200605.690000001</v>
      </c>
      <c r="E132" s="417">
        <v>67.256080431520502</v>
      </c>
      <c r="F132" s="545">
        <v>10932474.450000001</v>
      </c>
      <c r="G132" s="412">
        <v>65.646037480026934</v>
      </c>
      <c r="H132" s="770">
        <v>268131.24000000022</v>
      </c>
    </row>
    <row r="133" spans="1:9" s="237" customFormat="1" ht="10.5" x14ac:dyDescent="0.2">
      <c r="A133" s="284" t="s">
        <v>517</v>
      </c>
      <c r="B133" s="373">
        <v>1775100</v>
      </c>
      <c r="C133" s="526">
        <v>3482296</v>
      </c>
      <c r="D133" s="444">
        <v>2849485.43</v>
      </c>
      <c r="E133" s="417">
        <v>81.827777707581433</v>
      </c>
      <c r="F133" s="526">
        <v>2571227.23</v>
      </c>
      <c r="G133" s="444">
        <v>73.837124414466786</v>
      </c>
      <c r="H133" s="536">
        <v>278258.20000000019</v>
      </c>
    </row>
    <row r="134" spans="1:9" s="237" customFormat="1" ht="10.5" x14ac:dyDescent="0.2">
      <c r="A134" s="278" t="s">
        <v>518</v>
      </c>
      <c r="B134" s="373">
        <v>532524200</v>
      </c>
      <c r="C134" s="526">
        <v>1743578372.0700002</v>
      </c>
      <c r="D134" s="541">
        <v>1702008262.29</v>
      </c>
      <c r="E134" s="417">
        <v>97.615816389678685</v>
      </c>
      <c r="F134" s="526">
        <v>1627209596.5900002</v>
      </c>
      <c r="G134" s="539">
        <v>93.325864937069312</v>
      </c>
      <c r="H134" s="536">
        <v>74798665.699999809</v>
      </c>
    </row>
    <row r="135" spans="1:9" s="237" customFormat="1" ht="18" customHeight="1" x14ac:dyDescent="0.2">
      <c r="A135" s="250" t="s">
        <v>519</v>
      </c>
      <c r="B135" s="418">
        <v>1520951400</v>
      </c>
      <c r="C135" s="418">
        <v>2719036251.0700002</v>
      </c>
      <c r="D135" s="418">
        <v>2663950455.6500001</v>
      </c>
      <c r="E135" s="420">
        <v>97.974069106348892</v>
      </c>
      <c r="F135" s="419">
        <v>2491536621.9200001</v>
      </c>
      <c r="G135" s="352">
        <v>91.633078482845747</v>
      </c>
      <c r="H135" s="443">
        <v>172413833.72999984</v>
      </c>
    </row>
    <row r="136" spans="1:9" s="237" customFormat="1" ht="10.5" x14ac:dyDescent="0.2">
      <c r="A136" s="1038" t="s">
        <v>345</v>
      </c>
      <c r="B136" s="1038"/>
      <c r="C136" s="1038"/>
      <c r="D136" s="1038"/>
      <c r="E136" s="1038"/>
      <c r="F136" s="1035"/>
      <c r="G136" s="1028" t="s">
        <v>209</v>
      </c>
      <c r="H136" s="1041"/>
    </row>
    <row r="137" spans="1:9" s="237" customFormat="1" ht="12.75" customHeight="1" x14ac:dyDescent="0.2">
      <c r="A137" s="1039"/>
      <c r="B137" s="1039"/>
      <c r="C137" s="1039"/>
      <c r="D137" s="1039"/>
      <c r="E137" s="1039"/>
      <c r="F137" s="1036"/>
      <c r="G137" s="1029"/>
      <c r="H137" s="1042"/>
    </row>
    <row r="138" spans="1:9" s="237" customFormat="1" ht="10.5" x14ac:dyDescent="0.2">
      <c r="A138" s="1040"/>
      <c r="B138" s="1040"/>
      <c r="C138" s="1040"/>
      <c r="D138" s="1040"/>
      <c r="E138" s="1040"/>
      <c r="F138" s="1037"/>
      <c r="G138" s="1030"/>
      <c r="H138" s="1043"/>
    </row>
    <row r="139" spans="1:9" s="20" customFormat="1" ht="10.5" x14ac:dyDescent="0.2">
      <c r="A139" s="1090" t="s">
        <v>520</v>
      </c>
      <c r="B139" s="1090"/>
      <c r="C139" s="1090"/>
      <c r="D139" s="1090"/>
      <c r="E139" s="264"/>
      <c r="F139" s="257"/>
      <c r="G139" s="1022">
        <v>-471752781.61299992</v>
      </c>
      <c r="H139" s="1055"/>
    </row>
    <row r="140" spans="1:9" s="20" customFormat="1" ht="10.5" x14ac:dyDescent="0.2">
      <c r="A140" s="1090" t="s">
        <v>521</v>
      </c>
      <c r="B140" s="1090"/>
      <c r="C140" s="1090"/>
      <c r="D140" s="1090"/>
      <c r="E140" s="7"/>
      <c r="F140" s="258"/>
      <c r="G140" s="1006">
        <v>0</v>
      </c>
      <c r="H140" s="1089"/>
    </row>
    <row r="141" spans="1:9" s="20" customFormat="1" ht="10.5" x14ac:dyDescent="0.2">
      <c r="A141" s="1090" t="s">
        <v>522</v>
      </c>
      <c r="B141" s="1090"/>
      <c r="C141" s="1090"/>
      <c r="D141" s="1090"/>
      <c r="E141" s="7"/>
      <c r="F141" s="258"/>
      <c r="G141" s="1006">
        <v>2475108.9500000002</v>
      </c>
      <c r="H141" s="1089"/>
    </row>
    <row r="142" spans="1:9" s="20" customFormat="1" ht="10.5" x14ac:dyDescent="0.2">
      <c r="A142" s="1090" t="s">
        <v>523</v>
      </c>
      <c r="B142" s="1090"/>
      <c r="C142" s="1090"/>
      <c r="D142" s="1090"/>
      <c r="E142" s="7"/>
      <c r="F142" s="258"/>
      <c r="G142" s="1006">
        <v>0</v>
      </c>
      <c r="H142" s="1089"/>
    </row>
    <row r="143" spans="1:9" s="20" customFormat="1" ht="10.5" x14ac:dyDescent="0.2">
      <c r="A143" s="1090" t="s">
        <v>524</v>
      </c>
      <c r="B143" s="1090"/>
      <c r="C143" s="1090"/>
      <c r="D143" s="1090"/>
      <c r="E143" s="7"/>
      <c r="F143" s="258"/>
      <c r="G143" s="913">
        <v>0</v>
      </c>
      <c r="H143" s="1145"/>
    </row>
    <row r="144" spans="1:9" s="20" customFormat="1" ht="10.5" x14ac:dyDescent="0.2">
      <c r="A144" s="1090" t="s">
        <v>783</v>
      </c>
      <c r="B144" s="1090"/>
      <c r="C144" s="1090"/>
      <c r="D144" s="1090"/>
      <c r="E144" s="7"/>
      <c r="F144" s="258"/>
      <c r="G144" s="913">
        <v>0</v>
      </c>
      <c r="H144" s="1025"/>
    </row>
    <row r="145" spans="1:8" s="20" customFormat="1" ht="12.75" customHeight="1" x14ac:dyDescent="0.2">
      <c r="A145" s="1121" t="s">
        <v>541</v>
      </c>
      <c r="B145" s="1121"/>
      <c r="C145" s="1121"/>
      <c r="D145" s="1121"/>
      <c r="E145" s="1121"/>
      <c r="F145" s="1122"/>
      <c r="G145" s="1131">
        <v>15995257.6</v>
      </c>
      <c r="H145" s="1132"/>
    </row>
    <row r="146" spans="1:8" s="20" customFormat="1" ht="10.5" x14ac:dyDescent="0.2">
      <c r="A146" s="1107" t="s">
        <v>784</v>
      </c>
      <c r="B146" s="1107"/>
      <c r="C146" s="1107"/>
      <c r="D146" s="1107"/>
      <c r="E146" s="285"/>
      <c r="F146" s="297"/>
      <c r="G146" s="1101">
        <v>-453282415.0629999</v>
      </c>
      <c r="H146" s="1142"/>
    </row>
    <row r="147" spans="1:8" s="20" customFormat="1" ht="10.5" x14ac:dyDescent="0.2">
      <c r="A147" s="1107" t="s">
        <v>785</v>
      </c>
      <c r="B147" s="1107"/>
      <c r="C147" s="1107"/>
      <c r="D147" s="1107"/>
      <c r="E147" s="285"/>
      <c r="F147" s="297"/>
      <c r="G147" s="1101">
        <v>3117232870.7129998</v>
      </c>
      <c r="H147" s="1142"/>
    </row>
    <row r="148" spans="1:8" s="20" customFormat="1" ht="8.25" customHeight="1" x14ac:dyDescent="0.2">
      <c r="A148" s="286"/>
      <c r="B148" s="266"/>
      <c r="C148" s="266"/>
      <c r="D148" s="266"/>
      <c r="E148" s="261"/>
      <c r="F148" s="261"/>
      <c r="G148" s="100"/>
      <c r="H148" s="795"/>
    </row>
    <row r="149" spans="1:8" s="20" customFormat="1" ht="15" customHeight="1" x14ac:dyDescent="0.2">
      <c r="A149" s="249" t="s">
        <v>786</v>
      </c>
      <c r="B149" s="249"/>
      <c r="C149" s="249"/>
      <c r="D149" s="249"/>
      <c r="E149" s="285"/>
      <c r="F149" s="297"/>
      <c r="G149" s="1143">
        <v>42.875225721487375</v>
      </c>
      <c r="H149" s="1144"/>
    </row>
    <row r="150" spans="1:8" s="20" customFormat="1" ht="6.75" customHeight="1" x14ac:dyDescent="0.2">
      <c r="A150" s="118"/>
      <c r="B150" s="118"/>
      <c r="C150" s="118"/>
      <c r="D150" s="118"/>
      <c r="E150" s="46"/>
      <c r="F150" s="46"/>
      <c r="G150" s="95"/>
      <c r="H150" s="100"/>
    </row>
    <row r="151" spans="1:8" s="20" customFormat="1" ht="15" customHeight="1" x14ac:dyDescent="0.2">
      <c r="A151" s="1043" t="s">
        <v>347</v>
      </c>
      <c r="B151" s="1043"/>
      <c r="C151" s="1043"/>
      <c r="D151" s="1043"/>
      <c r="E151" s="1043"/>
      <c r="F151" s="1043"/>
      <c r="G151" s="1043"/>
      <c r="H151" s="1043"/>
    </row>
    <row r="152" spans="1:8" s="237" customFormat="1" ht="45.75" customHeight="1" x14ac:dyDescent="0.2">
      <c r="A152" s="1035" t="s">
        <v>346</v>
      </c>
      <c r="B152" s="87" t="s">
        <v>157</v>
      </c>
      <c r="C152" s="87" t="s">
        <v>157</v>
      </c>
      <c r="D152" s="1033" t="s">
        <v>158</v>
      </c>
      <c r="E152" s="1044"/>
      <c r="F152" s="1033" t="s">
        <v>159</v>
      </c>
      <c r="G152" s="1044"/>
      <c r="H152" s="506" t="s">
        <v>781</v>
      </c>
    </row>
    <row r="153" spans="1:8" s="237" customFormat="1" ht="21" customHeight="1" x14ac:dyDescent="0.2">
      <c r="A153" s="1036"/>
      <c r="B153" s="88" t="s">
        <v>111</v>
      </c>
      <c r="C153" s="88" t="s">
        <v>112</v>
      </c>
      <c r="D153" s="87" t="s">
        <v>115</v>
      </c>
      <c r="E153" s="234" t="s">
        <v>114</v>
      </c>
      <c r="F153" s="87" t="s">
        <v>115</v>
      </c>
      <c r="G153" s="234" t="s">
        <v>114</v>
      </c>
      <c r="H153" s="1113" t="s">
        <v>353</v>
      </c>
    </row>
    <row r="154" spans="1:8" s="237" customFormat="1" ht="16.5" customHeight="1" x14ac:dyDescent="0.2">
      <c r="A154" s="1037"/>
      <c r="B154" s="233"/>
      <c r="C154" s="232" t="s">
        <v>162</v>
      </c>
      <c r="D154" s="232" t="s">
        <v>163</v>
      </c>
      <c r="E154" s="235" t="s">
        <v>198</v>
      </c>
      <c r="F154" s="232" t="s">
        <v>164</v>
      </c>
      <c r="G154" s="235" t="s">
        <v>455</v>
      </c>
      <c r="H154" s="1114"/>
    </row>
    <row r="155" spans="1:8" s="237" customFormat="1" ht="21" x14ac:dyDescent="0.2">
      <c r="A155" s="284" t="s">
        <v>787</v>
      </c>
      <c r="B155" s="409">
        <v>0</v>
      </c>
      <c r="C155" s="409">
        <v>0</v>
      </c>
      <c r="D155" s="409">
        <v>0</v>
      </c>
      <c r="E155" s="409">
        <v>0</v>
      </c>
      <c r="F155" s="421">
        <v>0</v>
      </c>
      <c r="G155" s="422">
        <v>0</v>
      </c>
      <c r="H155" s="414">
        <v>0</v>
      </c>
    </row>
    <row r="156" spans="1:8" s="237" customFormat="1" ht="12.75" customHeight="1" x14ac:dyDescent="0.2">
      <c r="A156" s="284" t="s">
        <v>788</v>
      </c>
      <c r="B156" s="409">
        <v>47811000</v>
      </c>
      <c r="C156" s="409">
        <v>47811000</v>
      </c>
      <c r="D156" s="409">
        <v>47223076.380000003</v>
      </c>
      <c r="E156" s="409">
        <v>98.770317249168599</v>
      </c>
      <c r="F156" s="409">
        <v>46724835.149999999</v>
      </c>
      <c r="G156" s="423">
        <v>97.728211394867287</v>
      </c>
      <c r="H156" s="411">
        <v>498241.23000000417</v>
      </c>
    </row>
    <row r="157" spans="1:8" s="237" customFormat="1" ht="12.75" customHeight="1" x14ac:dyDescent="0.2">
      <c r="A157" s="284" t="s">
        <v>789</v>
      </c>
      <c r="B157" s="409">
        <v>200000</v>
      </c>
      <c r="C157" s="409">
        <v>22573159</v>
      </c>
      <c r="D157" s="409">
        <v>12999235.73</v>
      </c>
      <c r="E157" s="409">
        <v>57.587135810278042</v>
      </c>
      <c r="F157" s="409">
        <v>12962227.949999999</v>
      </c>
      <c r="G157" s="760">
        <v>57.423189860134329</v>
      </c>
      <c r="H157" s="759">
        <v>37007.780000001192</v>
      </c>
    </row>
    <row r="158" spans="1:8" s="237" customFormat="1" ht="13.5" customHeight="1" x14ac:dyDescent="0.2">
      <c r="A158" s="278" t="s">
        <v>790</v>
      </c>
      <c r="B158" s="413">
        <v>161952800</v>
      </c>
      <c r="C158" s="413">
        <v>162084800</v>
      </c>
      <c r="D158" s="413">
        <v>74725478.219999999</v>
      </c>
      <c r="E158" s="413">
        <v>46.102705633100697</v>
      </c>
      <c r="F158" s="413">
        <v>55364244.699999996</v>
      </c>
      <c r="G158" s="424">
        <v>34.157579674343303</v>
      </c>
      <c r="H158" s="759">
        <v>19361233.520000003</v>
      </c>
    </row>
    <row r="159" spans="1:8" s="237" customFormat="1" ht="26.25" customHeight="1" x14ac:dyDescent="0.2">
      <c r="A159" s="250" t="s">
        <v>791</v>
      </c>
      <c r="B159" s="425">
        <v>209963800</v>
      </c>
      <c r="C159" s="426">
        <v>232468959</v>
      </c>
      <c r="D159" s="426">
        <v>134947790.32999998</v>
      </c>
      <c r="E159" s="426">
        <v>58.049810568472495</v>
      </c>
      <c r="F159" s="426">
        <v>115051307.79999998</v>
      </c>
      <c r="G159" s="425">
        <v>49.491040995284017</v>
      </c>
      <c r="H159" s="415">
        <v>19896482.530000009</v>
      </c>
    </row>
    <row r="160" spans="1:8" s="237" customFormat="1" ht="15.75" customHeight="1" x14ac:dyDescent="0.2">
      <c r="A160" s="250" t="s">
        <v>621</v>
      </c>
      <c r="B160" s="428">
        <v>1730915200</v>
      </c>
      <c r="C160" s="428">
        <v>2951505210.0700002</v>
      </c>
      <c r="D160" s="428">
        <v>2798898245.98</v>
      </c>
      <c r="E160" s="426">
        <v>94.829520762174752</v>
      </c>
      <c r="F160" s="352">
        <v>2606587929.7200003</v>
      </c>
      <c r="G160" s="425">
        <v>88.31385155028002</v>
      </c>
      <c r="H160" s="427">
        <v>192310316.25999984</v>
      </c>
    </row>
    <row r="161" spans="1:8" s="237" customFormat="1" ht="12.75" customHeight="1" x14ac:dyDescent="0.2">
      <c r="A161" s="1038" t="s">
        <v>199</v>
      </c>
      <c r="B161" s="1038"/>
      <c r="C161" s="1028" t="s">
        <v>200</v>
      </c>
      <c r="D161" s="1041"/>
      <c r="E161" s="1041"/>
      <c r="F161" s="1110" t="s">
        <v>806</v>
      </c>
      <c r="G161" s="1038"/>
      <c r="H161" s="1038"/>
    </row>
    <row r="162" spans="1:8" s="237" customFormat="1" ht="10.5" x14ac:dyDescent="0.2">
      <c r="A162" s="1039"/>
      <c r="B162" s="1039"/>
      <c r="C162" s="1029"/>
      <c r="D162" s="1042"/>
      <c r="E162" s="1042"/>
      <c r="F162" s="1111"/>
      <c r="G162" s="1039"/>
      <c r="H162" s="1039"/>
    </row>
    <row r="163" spans="1:8" s="237" customFormat="1" ht="10.5" x14ac:dyDescent="0.2">
      <c r="A163" s="1040"/>
      <c r="B163" s="1040"/>
      <c r="C163" s="1030"/>
      <c r="D163" s="1043"/>
      <c r="E163" s="1043"/>
      <c r="F163" s="1112"/>
      <c r="G163" s="1040"/>
      <c r="H163" s="1040"/>
    </row>
    <row r="164" spans="1:8" s="237" customFormat="1" ht="15.75" customHeight="1" x14ac:dyDescent="0.2">
      <c r="A164" s="1118" t="s">
        <v>525</v>
      </c>
      <c r="B164" s="1118"/>
      <c r="C164" s="995">
        <v>11514726.939999999</v>
      </c>
      <c r="D164" s="997"/>
      <c r="E164" s="996"/>
      <c r="F164" s="995">
        <v>15995257.6</v>
      </c>
      <c r="G164" s="997"/>
      <c r="H164" s="997"/>
    </row>
    <row r="165" spans="1:8" s="20" customFormat="1" ht="10.5" x14ac:dyDescent="0.2">
      <c r="A165" s="1130" t="s">
        <v>526</v>
      </c>
      <c r="B165" s="1130"/>
      <c r="C165" s="882">
        <v>11514726.939999999</v>
      </c>
      <c r="D165" s="998"/>
      <c r="E165" s="883"/>
      <c r="F165" s="882">
        <v>15995257.6</v>
      </c>
      <c r="G165" s="998"/>
      <c r="H165" s="998"/>
    </row>
    <row r="166" spans="1:8" s="20" customFormat="1" ht="10.5" x14ac:dyDescent="0.2">
      <c r="A166" s="1104" t="s">
        <v>527</v>
      </c>
      <c r="B166" s="1104"/>
      <c r="C166" s="1133">
        <v>0</v>
      </c>
      <c r="D166" s="1134"/>
      <c r="E166" s="1135"/>
      <c r="F166" s="1133">
        <v>0</v>
      </c>
      <c r="G166" s="1134"/>
      <c r="H166" s="1134"/>
    </row>
    <row r="167" spans="1:8" s="20" customFormat="1" ht="10.5" x14ac:dyDescent="0.2">
      <c r="A167" s="298"/>
      <c r="B167" s="622"/>
      <c r="C167" s="622"/>
      <c r="D167" s="623"/>
      <c r="E167" s="623"/>
      <c r="F167" s="623"/>
      <c r="G167" s="99"/>
      <c r="H167" s="99"/>
    </row>
    <row r="168" spans="1:8" s="237" customFormat="1" ht="10.5" x14ac:dyDescent="0.2">
      <c r="A168" s="1128" t="s">
        <v>439</v>
      </c>
      <c r="B168" s="1128"/>
      <c r="C168" s="1128"/>
      <c r="D168" s="1128"/>
      <c r="E168" s="1128"/>
      <c r="F168" s="1128"/>
      <c r="G168" s="1028" t="s">
        <v>209</v>
      </c>
      <c r="H168" s="1041"/>
    </row>
    <row r="169" spans="1:8" s="237" customFormat="1" ht="25.5" customHeight="1" x14ac:dyDescent="0.2">
      <c r="A169" s="1129"/>
      <c r="B169" s="1129"/>
      <c r="C169" s="1129"/>
      <c r="D169" s="1129"/>
      <c r="E169" s="1129"/>
      <c r="F169" s="1129"/>
      <c r="G169" s="1030"/>
      <c r="H169" s="1043"/>
    </row>
    <row r="170" spans="1:8" s="237" customFormat="1" ht="10.5" x14ac:dyDescent="0.2">
      <c r="A170" s="1127" t="s">
        <v>807</v>
      </c>
      <c r="B170" s="1127"/>
      <c r="C170" s="1127"/>
      <c r="D170" s="1127"/>
      <c r="E170" s="1127"/>
      <c r="F170" s="1127"/>
      <c r="G170" s="995">
        <v>26579660.64000003</v>
      </c>
      <c r="H170" s="997"/>
    </row>
    <row r="171" spans="1:8" s="237" customFormat="1" ht="10.5" x14ac:dyDescent="0.2">
      <c r="A171" s="283" t="s">
        <v>528</v>
      </c>
      <c r="B171" s="7"/>
      <c r="C171" s="7"/>
      <c r="D171" s="7"/>
      <c r="E171" s="96"/>
      <c r="F171" s="247"/>
      <c r="G171" s="885">
        <v>854671901.79999995</v>
      </c>
      <c r="H171" s="999">
        <v>100</v>
      </c>
    </row>
    <row r="172" spans="1:8" s="237" customFormat="1" ht="10.5" x14ac:dyDescent="0.2">
      <c r="A172" s="283" t="s">
        <v>529</v>
      </c>
      <c r="B172" s="7"/>
      <c r="C172" s="7"/>
      <c r="D172" s="7"/>
      <c r="E172" s="96"/>
      <c r="F172" s="247"/>
      <c r="G172" s="885">
        <v>829832857.22000003</v>
      </c>
      <c r="H172" s="999">
        <v>0</v>
      </c>
    </row>
    <row r="173" spans="1:8" s="20" customFormat="1" ht="10.5" x14ac:dyDescent="0.2">
      <c r="A173" s="15" t="s">
        <v>530</v>
      </c>
      <c r="B173" s="15"/>
      <c r="C173" s="15"/>
      <c r="D173" s="15"/>
      <c r="E173" s="93"/>
      <c r="F173" s="92"/>
      <c r="G173" s="882">
        <v>829773624.25999999</v>
      </c>
      <c r="H173" s="998"/>
    </row>
    <row r="174" spans="1:8" s="20" customFormat="1" ht="10.5" x14ac:dyDescent="0.2">
      <c r="A174" s="275" t="s">
        <v>531</v>
      </c>
      <c r="B174" s="15"/>
      <c r="C174" s="15"/>
      <c r="D174" s="15"/>
      <c r="E174" s="93"/>
      <c r="F174" s="92"/>
      <c r="G174" s="882">
        <v>59232.959999999999</v>
      </c>
      <c r="H174" s="998"/>
    </row>
    <row r="175" spans="1:8" s="237" customFormat="1" ht="17.25" customHeight="1" x14ac:dyDescent="0.2">
      <c r="A175" s="283" t="s">
        <v>532</v>
      </c>
      <c r="B175" s="7"/>
      <c r="C175" s="7"/>
      <c r="D175" s="7"/>
      <c r="E175" s="96"/>
      <c r="F175" s="247"/>
      <c r="G175" s="885">
        <v>2475108.9500000002</v>
      </c>
      <c r="H175" s="999"/>
    </row>
    <row r="176" spans="1:8" s="237" customFormat="1" ht="10.5" x14ac:dyDescent="0.2">
      <c r="A176" s="277" t="s">
        <v>533</v>
      </c>
      <c r="B176" s="261"/>
      <c r="C176" s="261"/>
      <c r="D176" s="261"/>
      <c r="E176" s="260"/>
      <c r="F176" s="267"/>
      <c r="G176" s="1136">
        <v>53893814.169999912</v>
      </c>
      <c r="H176" s="1137"/>
    </row>
    <row r="177" spans="1:8" s="20" customFormat="1" ht="10.5" x14ac:dyDescent="0.2">
      <c r="A177" s="50" t="s">
        <v>863</v>
      </c>
      <c r="H177" s="320"/>
    </row>
    <row r="178" spans="1:8" s="20" customFormat="1" ht="15.75" customHeight="1" x14ac:dyDescent="0.2">
      <c r="A178" s="1124" t="s">
        <v>633</v>
      </c>
      <c r="B178" s="1125"/>
      <c r="C178" s="1125"/>
      <c r="D178" s="1125"/>
      <c r="E178" s="1125"/>
      <c r="F178" s="1125"/>
    </row>
    <row r="179" spans="1:8" s="20" customFormat="1" ht="10.5" x14ac:dyDescent="0.2">
      <c r="A179" s="1123" t="s">
        <v>634</v>
      </c>
      <c r="B179" s="1126"/>
      <c r="C179" s="1126"/>
      <c r="D179" s="1126"/>
      <c r="E179" s="1126"/>
      <c r="F179" s="1126"/>
    </row>
    <row r="180" spans="1:8" s="20" customFormat="1" x14ac:dyDescent="0.2">
      <c r="A180" s="1123" t="s">
        <v>635</v>
      </c>
      <c r="B180" s="1123"/>
      <c r="C180" s="1123"/>
      <c r="D180" s="1123"/>
      <c r="E180" s="1123"/>
      <c r="F180" s="1123"/>
    </row>
    <row r="181" spans="1:8" ht="15" customHeight="1" x14ac:dyDescent="0.2">
      <c r="A181" s="1123" t="s">
        <v>636</v>
      </c>
      <c r="B181" s="1123"/>
      <c r="C181" s="1123"/>
      <c r="D181" s="1123"/>
      <c r="E181" s="1123"/>
      <c r="F181" s="1123"/>
    </row>
    <row r="182" spans="1:8" x14ac:dyDescent="0.2">
      <c r="A182" s="1123" t="s">
        <v>637</v>
      </c>
      <c r="B182" s="1123"/>
      <c r="C182" s="1123"/>
      <c r="D182" s="1123"/>
      <c r="E182" s="1123"/>
      <c r="F182" s="1123"/>
    </row>
    <row r="183" spans="1:8" ht="21" customHeight="1" x14ac:dyDescent="0.2">
      <c r="A183" s="1120" t="s">
        <v>638</v>
      </c>
      <c r="B183" s="1120"/>
      <c r="C183" s="1120"/>
      <c r="D183" s="1120"/>
      <c r="E183" s="1120"/>
      <c r="F183" s="1120"/>
      <c r="G183" s="1120"/>
      <c r="H183" s="1120"/>
    </row>
    <row r="184" spans="1:8" ht="14.45" customHeight="1" x14ac:dyDescent="0.2">
      <c r="A184" s="1120" t="s">
        <v>632</v>
      </c>
      <c r="B184" s="1120"/>
      <c r="C184" s="1120"/>
    </row>
    <row r="191" spans="1:8" s="50" customFormat="1" ht="11.25" customHeight="1" x14ac:dyDescent="0.2"/>
    <row r="192" spans="1:8" s="50" customFormat="1" ht="11.25" customHeight="1" x14ac:dyDescent="0.2"/>
    <row r="193" s="50" customFormat="1" ht="11.25" customHeight="1" x14ac:dyDescent="0.2"/>
    <row r="194" s="50" customFormat="1" ht="11.25" customHeight="1" x14ac:dyDescent="0.2"/>
    <row r="195" s="50" customFormat="1" ht="11.25" customHeight="1" x14ac:dyDescent="0.2"/>
    <row r="196" s="50" customFormat="1" ht="11.25" customHeight="1" x14ac:dyDescent="0.2"/>
    <row r="197" s="50" customFormat="1" ht="11.25" customHeight="1" x14ac:dyDescent="0.2"/>
  </sheetData>
  <customSheetViews>
    <customSheetView guid="{6DBFA32C-4AA4-4E1D-9A48-697377C64CC3}" scale="95" showPageBreaks="1" showGridLines="0" fitToPage="1" printArea="1">
      <selection sqref="A1:H203"/>
      <pageMargins left="0.19685039370078741" right="0.19685039370078741" top="0.39370078740157483" bottom="0.59055118110236227" header="0" footer="0"/>
      <printOptions horizontalCentered="1"/>
      <pageSetup paperSize="9" scale="49" fitToHeight="2" orientation="portrait" r:id="rId1"/>
      <headerFooter alignWithMargins="0"/>
    </customSheetView>
    <customSheetView guid="{25EF1E0D-169B-4051-B414-7E1196FC05E4}" showPageBreaks="1" showGridLines="0" fitToPage="1" printArea="1" topLeftCell="B76">
      <selection activeCell="F85" sqref="F85:G85"/>
      <pageMargins left="0.19685039370078741" right="0.19685039370078741" top="0.19685039370078741" bottom="0.19685039370078741" header="0.51181102362204722" footer="0"/>
      <printOptions horizontalCentered="1"/>
      <pageSetup scale="50" fitToHeight="2" orientation="portrait" r:id="rId2"/>
      <headerFooter alignWithMargins="0"/>
    </customSheetView>
    <customSheetView guid="{82EDB5A4-4824-4632-A540-7A52C92F04C7}" scale="90" showPageBreaks="1" showGridLines="0" fitToPage="1" printArea="1" topLeftCell="A7">
      <pane xSplit="1" ySplit="6" topLeftCell="B52" activePane="bottomRight" state="frozen"/>
      <selection pane="bottomRight" activeCell="F68" sqref="F68:G68"/>
      <pageMargins left="0.19685039370078741" right="0.19685039370078741" top="0.39370078740157483" bottom="0.59055118110236227" header="0" footer="0"/>
      <printOptions horizontalCentered="1"/>
      <pageSetup paperSize="9" scale="50" fitToHeight="2" orientation="portrait" r:id="rId3"/>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4"/>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5"/>
      <headerFooter alignWithMargins="0"/>
    </customSheetView>
    <customSheetView guid="{3AAF6A5F-F9AA-430B-9AD9-1261ECDF41B5}" scale="90" showPageBreaks="1" showGridLines="0" fitToPage="1" printArea="1" topLeftCell="A156">
      <selection activeCell="G180" sqref="G180"/>
      <pageMargins left="0.19685039370078741" right="0.19685039370078741" top="0.39370078740157483" bottom="0.59055118110236227" header="0" footer="0"/>
      <printOptions horizontalCentered="1"/>
      <pageSetup paperSize="9" scale="49" fitToHeight="2" orientation="portrait" r:id="rId6"/>
      <headerFooter alignWithMargins="0"/>
    </customSheetView>
    <customSheetView guid="{C779D862-DE28-46CD-A428-4AAA1056D1E1}" scale="90" showGridLines="0" fitToPage="1" topLeftCell="A105">
      <selection activeCell="G109" sqref="G109:H109"/>
      <pageMargins left="0.19685039370078741" right="0.19685039370078741" top="0.39370078740157483" bottom="0.59055118110236227" header="0" footer="0"/>
      <printOptions horizontalCentered="1"/>
      <pageSetup paperSize="9" scale="49" fitToHeight="2" orientation="portrait" r:id="rId7"/>
      <headerFooter alignWithMargins="0"/>
    </customSheetView>
  </customSheetViews>
  <mergeCells count="345">
    <mergeCell ref="B69:C69"/>
    <mergeCell ref="D59:E59"/>
    <mergeCell ref="B48:C48"/>
    <mergeCell ref="B49:C49"/>
    <mergeCell ref="A3:H3"/>
    <mergeCell ref="A4:H4"/>
    <mergeCell ref="A5:H5"/>
    <mergeCell ref="A6:H6"/>
    <mergeCell ref="A7:H7"/>
    <mergeCell ref="A9:H9"/>
    <mergeCell ref="F12:G12"/>
    <mergeCell ref="B10:C10"/>
    <mergeCell ref="B11:C11"/>
    <mergeCell ref="B12:C12"/>
    <mergeCell ref="F10:H10"/>
    <mergeCell ref="D10:E10"/>
    <mergeCell ref="D11:E11"/>
    <mergeCell ref="D12:E12"/>
    <mergeCell ref="F11:G11"/>
    <mergeCell ref="D21:E21"/>
    <mergeCell ref="B31:C31"/>
    <mergeCell ref="B55:C55"/>
    <mergeCell ref="D55:E55"/>
    <mergeCell ref="D36:E36"/>
    <mergeCell ref="B22:C22"/>
    <mergeCell ref="D22:E22"/>
    <mergeCell ref="B21:C21"/>
    <mergeCell ref="D68:E68"/>
    <mergeCell ref="D24:E24"/>
    <mergeCell ref="D37:E37"/>
    <mergeCell ref="B41:C41"/>
    <mergeCell ref="D41:E41"/>
    <mergeCell ref="B28:C28"/>
    <mergeCell ref="D28:E28"/>
    <mergeCell ref="B40:C40"/>
    <mergeCell ref="B68:C68"/>
    <mergeCell ref="D52:E52"/>
    <mergeCell ref="B50:C50"/>
    <mergeCell ref="B57:C57"/>
    <mergeCell ref="D57:E57"/>
    <mergeCell ref="D48:E48"/>
    <mergeCell ref="D67:E67"/>
    <mergeCell ref="B46:C46"/>
    <mergeCell ref="D46:E46"/>
    <mergeCell ref="B51:C51"/>
    <mergeCell ref="D62:E62"/>
    <mergeCell ref="B47:C47"/>
    <mergeCell ref="D47:E47"/>
    <mergeCell ref="F21:G21"/>
    <mergeCell ref="F22:G22"/>
    <mergeCell ref="B23:C23"/>
    <mergeCell ref="D23:E23"/>
    <mergeCell ref="B42:C42"/>
    <mergeCell ref="D42:E42"/>
    <mergeCell ref="F42:G42"/>
    <mergeCell ref="B24:C24"/>
    <mergeCell ref="F23:G23"/>
    <mergeCell ref="F41:G41"/>
    <mergeCell ref="F24:G24"/>
    <mergeCell ref="B25:C25"/>
    <mergeCell ref="D25:E25"/>
    <mergeCell ref="F25:G25"/>
    <mergeCell ref="B26:C26"/>
    <mergeCell ref="D26:E26"/>
    <mergeCell ref="F26:G26"/>
    <mergeCell ref="B27:C27"/>
    <mergeCell ref="D40:E40"/>
    <mergeCell ref="F40:G40"/>
    <mergeCell ref="F36:G36"/>
    <mergeCell ref="B37:C37"/>
    <mergeCell ref="D27:E27"/>
    <mergeCell ref="F27:G27"/>
    <mergeCell ref="F16:G16"/>
    <mergeCell ref="B17:C17"/>
    <mergeCell ref="F17:G17"/>
    <mergeCell ref="B18:C18"/>
    <mergeCell ref="F18:G18"/>
    <mergeCell ref="B19:C19"/>
    <mergeCell ref="F19:G19"/>
    <mergeCell ref="B20:C20"/>
    <mergeCell ref="F20:G20"/>
    <mergeCell ref="D16:E16"/>
    <mergeCell ref="D17:E17"/>
    <mergeCell ref="D18:E18"/>
    <mergeCell ref="D19:E19"/>
    <mergeCell ref="D20:E20"/>
    <mergeCell ref="B16:C16"/>
    <mergeCell ref="F28:G28"/>
    <mergeCell ref="B29:C29"/>
    <mergeCell ref="D29:E29"/>
    <mergeCell ref="F29:G29"/>
    <mergeCell ref="B30:C30"/>
    <mergeCell ref="D30:E30"/>
    <mergeCell ref="F30:G30"/>
    <mergeCell ref="F48:G48"/>
    <mergeCell ref="F53:G53"/>
    <mergeCell ref="F50:G50"/>
    <mergeCell ref="F52:G52"/>
    <mergeCell ref="F51:G51"/>
    <mergeCell ref="D49:E49"/>
    <mergeCell ref="D50:E50"/>
    <mergeCell ref="F47:G47"/>
    <mergeCell ref="F37:G37"/>
    <mergeCell ref="F46:H46"/>
    <mergeCell ref="D39:E39"/>
    <mergeCell ref="F39:G39"/>
    <mergeCell ref="B38:C38"/>
    <mergeCell ref="D38:E38"/>
    <mergeCell ref="F38:G38"/>
    <mergeCell ref="B35:C35"/>
    <mergeCell ref="D35:E35"/>
    <mergeCell ref="B13:C13"/>
    <mergeCell ref="D13:E13"/>
    <mergeCell ref="F13:G13"/>
    <mergeCell ref="B14:C14"/>
    <mergeCell ref="D14:E14"/>
    <mergeCell ref="F14:G14"/>
    <mergeCell ref="B15:C15"/>
    <mergeCell ref="D15:E15"/>
    <mergeCell ref="F15:G15"/>
    <mergeCell ref="B56:C56"/>
    <mergeCell ref="D56:E56"/>
    <mergeCell ref="F56:G56"/>
    <mergeCell ref="B58:C58"/>
    <mergeCell ref="D58:E58"/>
    <mergeCell ref="F58:G58"/>
    <mergeCell ref="D51:E51"/>
    <mergeCell ref="F57:G57"/>
    <mergeCell ref="D31:E31"/>
    <mergeCell ref="F31:G31"/>
    <mergeCell ref="B32:C32"/>
    <mergeCell ref="D32:E32"/>
    <mergeCell ref="F32:G32"/>
    <mergeCell ref="B33:C33"/>
    <mergeCell ref="D33:E33"/>
    <mergeCell ref="F43:G43"/>
    <mergeCell ref="B44:C44"/>
    <mergeCell ref="D44:E44"/>
    <mergeCell ref="F44:G44"/>
    <mergeCell ref="F33:G33"/>
    <mergeCell ref="B34:C34"/>
    <mergeCell ref="D34:E34"/>
    <mergeCell ref="F34:G34"/>
    <mergeCell ref="B39:C39"/>
    <mergeCell ref="B36:C36"/>
    <mergeCell ref="F45:G45"/>
    <mergeCell ref="D45:E45"/>
    <mergeCell ref="B45:C45"/>
    <mergeCell ref="G175:H175"/>
    <mergeCell ref="G170:H170"/>
    <mergeCell ref="C164:E164"/>
    <mergeCell ref="F164:H164"/>
    <mergeCell ref="D61:E61"/>
    <mergeCell ref="B43:C43"/>
    <mergeCell ref="D43:E43"/>
    <mergeCell ref="F49:G49"/>
    <mergeCell ref="F78:G78"/>
    <mergeCell ref="F73:G73"/>
    <mergeCell ref="F80:G80"/>
    <mergeCell ref="F81:G81"/>
    <mergeCell ref="F70:G70"/>
    <mergeCell ref="B75:C75"/>
    <mergeCell ref="B76:C76"/>
    <mergeCell ref="B77:C77"/>
    <mergeCell ref="B78:C78"/>
    <mergeCell ref="F166:H166"/>
    <mergeCell ref="B79:C79"/>
    <mergeCell ref="B80:C80"/>
    <mergeCell ref="A181:F181"/>
    <mergeCell ref="G176:H176"/>
    <mergeCell ref="A107:F107"/>
    <mergeCell ref="F116:H116"/>
    <mergeCell ref="D89:E89"/>
    <mergeCell ref="F89:G89"/>
    <mergeCell ref="A105:F105"/>
    <mergeCell ref="A89:A91"/>
    <mergeCell ref="D119:E119"/>
    <mergeCell ref="G104:H104"/>
    <mergeCell ref="G105:H105"/>
    <mergeCell ref="B117:C117"/>
    <mergeCell ref="B118:C118"/>
    <mergeCell ref="G146:H146"/>
    <mergeCell ref="G147:H147"/>
    <mergeCell ref="G149:H149"/>
    <mergeCell ref="G143:H143"/>
    <mergeCell ref="A141:D141"/>
    <mergeCell ref="A144:D144"/>
    <mergeCell ref="A142:D142"/>
    <mergeCell ref="A161:B163"/>
    <mergeCell ref="A184:C184"/>
    <mergeCell ref="A183:H183"/>
    <mergeCell ref="A151:H151"/>
    <mergeCell ref="C161:E163"/>
    <mergeCell ref="A104:F104"/>
    <mergeCell ref="A145:F145"/>
    <mergeCell ref="A182:F182"/>
    <mergeCell ref="A178:F178"/>
    <mergeCell ref="A179:F179"/>
    <mergeCell ref="A170:F170"/>
    <mergeCell ref="A180:F180"/>
    <mergeCell ref="G168:H169"/>
    <mergeCell ref="A168:F169"/>
    <mergeCell ref="F152:G152"/>
    <mergeCell ref="A165:B165"/>
    <mergeCell ref="A164:B164"/>
    <mergeCell ref="G142:H142"/>
    <mergeCell ref="G145:H145"/>
    <mergeCell ref="G172:H172"/>
    <mergeCell ref="G173:H173"/>
    <mergeCell ref="C165:E165"/>
    <mergeCell ref="C166:E166"/>
    <mergeCell ref="A143:D143"/>
    <mergeCell ref="G141:H141"/>
    <mergeCell ref="H153:H154"/>
    <mergeCell ref="A152:A154"/>
    <mergeCell ref="A146:D146"/>
    <mergeCell ref="B74:C74"/>
    <mergeCell ref="H89:H90"/>
    <mergeCell ref="F77:G77"/>
    <mergeCell ref="B70:C70"/>
    <mergeCell ref="D70:E70"/>
    <mergeCell ref="D80:E80"/>
    <mergeCell ref="B72:C72"/>
    <mergeCell ref="D81:E81"/>
    <mergeCell ref="F72:H72"/>
    <mergeCell ref="A71:H71"/>
    <mergeCell ref="B73:C73"/>
    <mergeCell ref="D73:E73"/>
    <mergeCell ref="F118:G118"/>
    <mergeCell ref="D152:E152"/>
    <mergeCell ref="A109:F109"/>
    <mergeCell ref="A108:F108"/>
    <mergeCell ref="B81:C81"/>
    <mergeCell ref="G174:H174"/>
    <mergeCell ref="G171:H171"/>
    <mergeCell ref="B84:C84"/>
    <mergeCell ref="B85:C85"/>
    <mergeCell ref="B86:C86"/>
    <mergeCell ref="D84:E84"/>
    <mergeCell ref="D85:E85"/>
    <mergeCell ref="D86:E86"/>
    <mergeCell ref="F82:G82"/>
    <mergeCell ref="F83:G83"/>
    <mergeCell ref="F84:G84"/>
    <mergeCell ref="F85:G85"/>
    <mergeCell ref="F86:G86"/>
    <mergeCell ref="A102:F102"/>
    <mergeCell ref="A103:F103"/>
    <mergeCell ref="F165:H165"/>
    <mergeCell ref="A166:B166"/>
    <mergeCell ref="A139:D139"/>
    <mergeCell ref="A114:F114"/>
    <mergeCell ref="A147:D147"/>
    <mergeCell ref="A100:F100"/>
    <mergeCell ref="D82:E82"/>
    <mergeCell ref="F161:H163"/>
    <mergeCell ref="G144:H144"/>
    <mergeCell ref="B53:C53"/>
    <mergeCell ref="F79:G79"/>
    <mergeCell ref="F75:G75"/>
    <mergeCell ref="F76:G76"/>
    <mergeCell ref="D77:E77"/>
    <mergeCell ref="D79:E79"/>
    <mergeCell ref="G140:H140"/>
    <mergeCell ref="A140:D140"/>
    <mergeCell ref="A115:H115"/>
    <mergeCell ref="G112:H112"/>
    <mergeCell ref="A106:F106"/>
    <mergeCell ref="A101:F101"/>
    <mergeCell ref="G109:H109"/>
    <mergeCell ref="G110:H110"/>
    <mergeCell ref="D64:E64"/>
    <mergeCell ref="B54:C54"/>
    <mergeCell ref="D54:E54"/>
    <mergeCell ref="D53:E53"/>
    <mergeCell ref="F54:H54"/>
    <mergeCell ref="D74:E74"/>
    <mergeCell ref="F74:G74"/>
    <mergeCell ref="F55:G55"/>
    <mergeCell ref="D75:E75"/>
    <mergeCell ref="D76:E76"/>
    <mergeCell ref="F69:G69"/>
    <mergeCell ref="D60:E60"/>
    <mergeCell ref="D65:E65"/>
    <mergeCell ref="D66:E66"/>
    <mergeCell ref="F64:G64"/>
    <mergeCell ref="F65:G65"/>
    <mergeCell ref="F66:G66"/>
    <mergeCell ref="D78:E78"/>
    <mergeCell ref="D72:E72"/>
    <mergeCell ref="F63:G63"/>
    <mergeCell ref="D69:E69"/>
    <mergeCell ref="F59:G59"/>
    <mergeCell ref="F60:G60"/>
    <mergeCell ref="F61:G61"/>
    <mergeCell ref="F62:G62"/>
    <mergeCell ref="D63:E63"/>
    <mergeCell ref="G111:H111"/>
    <mergeCell ref="G113:H113"/>
    <mergeCell ref="G114:H114"/>
    <mergeCell ref="B119:C119"/>
    <mergeCell ref="G101:H101"/>
    <mergeCell ref="G102:H102"/>
    <mergeCell ref="G103:H103"/>
    <mergeCell ref="G106:H106"/>
    <mergeCell ref="G108:H108"/>
    <mergeCell ref="G107:H107"/>
    <mergeCell ref="B116:C116"/>
    <mergeCell ref="D116:E116"/>
    <mergeCell ref="A111:F111"/>
    <mergeCell ref="A110:F110"/>
    <mergeCell ref="D83:E83"/>
    <mergeCell ref="B82:C82"/>
    <mergeCell ref="B83:C83"/>
    <mergeCell ref="F67:G67"/>
    <mergeCell ref="F68:G68"/>
    <mergeCell ref="G139:H139"/>
    <mergeCell ref="A112:F112"/>
    <mergeCell ref="D120:E120"/>
    <mergeCell ref="F120:G120"/>
    <mergeCell ref="D117:E117"/>
    <mergeCell ref="D118:E118"/>
    <mergeCell ref="F119:G119"/>
    <mergeCell ref="F117:G117"/>
    <mergeCell ref="A113:F113"/>
    <mergeCell ref="A10:A11"/>
    <mergeCell ref="A72:A74"/>
    <mergeCell ref="A54:A56"/>
    <mergeCell ref="A46:A48"/>
    <mergeCell ref="A116:A118"/>
    <mergeCell ref="A120:A122"/>
    <mergeCell ref="A136:F138"/>
    <mergeCell ref="G136:H138"/>
    <mergeCell ref="A99:H99"/>
    <mergeCell ref="B59:C59"/>
    <mergeCell ref="B60:C60"/>
    <mergeCell ref="B61:C61"/>
    <mergeCell ref="B62:C62"/>
    <mergeCell ref="B63:C63"/>
    <mergeCell ref="B64:C64"/>
    <mergeCell ref="B65:C65"/>
    <mergeCell ref="B66:C66"/>
    <mergeCell ref="B67:C67"/>
    <mergeCell ref="B52:C52"/>
    <mergeCell ref="G100:H100"/>
  </mergeCells>
  <printOptions horizontalCentered="1"/>
  <pageMargins left="0.19685039370078741" right="0.19685039370078741" top="0.39370078740157483" bottom="0.59055118110236227" header="0" footer="0"/>
  <pageSetup paperSize="9" scale="48" fitToHeight="2" orientation="portrait" r:id="rId8"/>
  <headerFooter alignWithMargins="0"/>
  <drawing r:id="rId9"/>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G52"/>
  <sheetViews>
    <sheetView showGridLines="0" workbookViewId="0"/>
  </sheetViews>
  <sheetFormatPr defaultColWidth="6.7109375" defaultRowHeight="10.5" x14ac:dyDescent="0.15"/>
  <cols>
    <col min="1" max="1" width="61.42578125" style="663" customWidth="1"/>
    <col min="2" max="5" width="20.7109375" style="666" customWidth="1"/>
    <col min="6" max="6" width="24.140625" style="666" customWidth="1"/>
    <col min="7" max="252" width="6.7109375" style="666"/>
    <col min="253" max="253" width="39" style="666" customWidth="1"/>
    <col min="254" max="254" width="12.7109375" style="666" customWidth="1"/>
    <col min="255" max="255" width="12" style="666" customWidth="1"/>
    <col min="256" max="260" width="8.7109375" style="666" customWidth="1"/>
    <col min="261" max="261" width="14" style="666" customWidth="1"/>
    <col min="262" max="262" width="24.140625" style="666" customWidth="1"/>
    <col min="263" max="508" width="6.7109375" style="666"/>
    <col min="509" max="509" width="39" style="666" customWidth="1"/>
    <col min="510" max="510" width="12.7109375" style="666" customWidth="1"/>
    <col min="511" max="511" width="12" style="666" customWidth="1"/>
    <col min="512" max="516" width="8.7109375" style="666" customWidth="1"/>
    <col min="517" max="517" width="14" style="666" customWidth="1"/>
    <col min="518" max="518" width="24.140625" style="666" customWidth="1"/>
    <col min="519" max="764" width="6.7109375" style="666"/>
    <col min="765" max="765" width="39" style="666" customWidth="1"/>
    <col min="766" max="766" width="12.7109375" style="666" customWidth="1"/>
    <col min="767" max="767" width="12" style="666" customWidth="1"/>
    <col min="768" max="772" width="8.7109375" style="666" customWidth="1"/>
    <col min="773" max="773" width="14" style="666" customWidth="1"/>
    <col min="774" max="774" width="24.140625" style="666" customWidth="1"/>
    <col min="775" max="1020" width="6.7109375" style="666"/>
    <col min="1021" max="1021" width="39" style="666" customWidth="1"/>
    <col min="1022" max="1022" width="12.7109375" style="666" customWidth="1"/>
    <col min="1023" max="1023" width="12" style="666" customWidth="1"/>
    <col min="1024" max="1028" width="8.7109375" style="666" customWidth="1"/>
    <col min="1029" max="1029" width="14" style="666" customWidth="1"/>
    <col min="1030" max="1030" width="24.140625" style="666" customWidth="1"/>
    <col min="1031" max="1276" width="6.7109375" style="666"/>
    <col min="1277" max="1277" width="39" style="666" customWidth="1"/>
    <col min="1278" max="1278" width="12.7109375" style="666" customWidth="1"/>
    <col min="1279" max="1279" width="12" style="666" customWidth="1"/>
    <col min="1280" max="1284" width="8.7109375" style="666" customWidth="1"/>
    <col min="1285" max="1285" width="14" style="666" customWidth="1"/>
    <col min="1286" max="1286" width="24.140625" style="666" customWidth="1"/>
    <col min="1287" max="1532" width="6.7109375" style="666"/>
    <col min="1533" max="1533" width="39" style="666" customWidth="1"/>
    <col min="1534" max="1534" width="12.7109375" style="666" customWidth="1"/>
    <col min="1535" max="1535" width="12" style="666" customWidth="1"/>
    <col min="1536" max="1540" width="8.7109375" style="666" customWidth="1"/>
    <col min="1541" max="1541" width="14" style="666" customWidth="1"/>
    <col min="1542" max="1542" width="24.140625" style="666" customWidth="1"/>
    <col min="1543" max="1788" width="6.7109375" style="666"/>
    <col min="1789" max="1789" width="39" style="666" customWidth="1"/>
    <col min="1790" max="1790" width="12.7109375" style="666" customWidth="1"/>
    <col min="1791" max="1791" width="12" style="666" customWidth="1"/>
    <col min="1792" max="1796" width="8.7109375" style="666" customWidth="1"/>
    <col min="1797" max="1797" width="14" style="666" customWidth="1"/>
    <col min="1798" max="1798" width="24.140625" style="666" customWidth="1"/>
    <col min="1799" max="2044" width="6.7109375" style="666"/>
    <col min="2045" max="2045" width="39" style="666" customWidth="1"/>
    <col min="2046" max="2046" width="12.7109375" style="666" customWidth="1"/>
    <col min="2047" max="2047" width="12" style="666" customWidth="1"/>
    <col min="2048" max="2052" width="8.7109375" style="666" customWidth="1"/>
    <col min="2053" max="2053" width="14" style="666" customWidth="1"/>
    <col min="2054" max="2054" width="24.140625" style="666" customWidth="1"/>
    <col min="2055" max="2300" width="6.7109375" style="666"/>
    <col min="2301" max="2301" width="39" style="666" customWidth="1"/>
    <col min="2302" max="2302" width="12.7109375" style="666" customWidth="1"/>
    <col min="2303" max="2303" width="12" style="666" customWidth="1"/>
    <col min="2304" max="2308" width="8.7109375" style="666" customWidth="1"/>
    <col min="2309" max="2309" width="14" style="666" customWidth="1"/>
    <col min="2310" max="2310" width="24.140625" style="666" customWidth="1"/>
    <col min="2311" max="2556" width="6.7109375" style="666"/>
    <col min="2557" max="2557" width="39" style="666" customWidth="1"/>
    <col min="2558" max="2558" width="12.7109375" style="666" customWidth="1"/>
    <col min="2559" max="2559" width="12" style="666" customWidth="1"/>
    <col min="2560" max="2564" width="8.7109375" style="666" customWidth="1"/>
    <col min="2565" max="2565" width="14" style="666" customWidth="1"/>
    <col min="2566" max="2566" width="24.140625" style="666" customWidth="1"/>
    <col min="2567" max="2812" width="6.7109375" style="666"/>
    <col min="2813" max="2813" width="39" style="666" customWidth="1"/>
    <col min="2814" max="2814" width="12.7109375" style="666" customWidth="1"/>
    <col min="2815" max="2815" width="12" style="666" customWidth="1"/>
    <col min="2816" max="2820" width="8.7109375" style="666" customWidth="1"/>
    <col min="2821" max="2821" width="14" style="666" customWidth="1"/>
    <col min="2822" max="2822" width="24.140625" style="666" customWidth="1"/>
    <col min="2823" max="3068" width="6.7109375" style="666"/>
    <col min="3069" max="3069" width="39" style="666" customWidth="1"/>
    <col min="3070" max="3070" width="12.7109375" style="666" customWidth="1"/>
    <col min="3071" max="3071" width="12" style="666" customWidth="1"/>
    <col min="3072" max="3076" width="8.7109375" style="666" customWidth="1"/>
    <col min="3077" max="3077" width="14" style="666" customWidth="1"/>
    <col min="3078" max="3078" width="24.140625" style="666" customWidth="1"/>
    <col min="3079" max="3324" width="6.7109375" style="666"/>
    <col min="3325" max="3325" width="39" style="666" customWidth="1"/>
    <col min="3326" max="3326" width="12.7109375" style="666" customWidth="1"/>
    <col min="3327" max="3327" width="12" style="666" customWidth="1"/>
    <col min="3328" max="3332" width="8.7109375" style="666" customWidth="1"/>
    <col min="3333" max="3333" width="14" style="666" customWidth="1"/>
    <col min="3334" max="3334" width="24.140625" style="666" customWidth="1"/>
    <col min="3335" max="3580" width="6.7109375" style="666"/>
    <col min="3581" max="3581" width="39" style="666" customWidth="1"/>
    <col min="3582" max="3582" width="12.7109375" style="666" customWidth="1"/>
    <col min="3583" max="3583" width="12" style="666" customWidth="1"/>
    <col min="3584" max="3588" width="8.7109375" style="666" customWidth="1"/>
    <col min="3589" max="3589" width="14" style="666" customWidth="1"/>
    <col min="3590" max="3590" width="24.140625" style="666" customWidth="1"/>
    <col min="3591" max="3836" width="6.7109375" style="666"/>
    <col min="3837" max="3837" width="39" style="666" customWidth="1"/>
    <col min="3838" max="3838" width="12.7109375" style="666" customWidth="1"/>
    <col min="3839" max="3839" width="12" style="666" customWidth="1"/>
    <col min="3840" max="3844" width="8.7109375" style="666" customWidth="1"/>
    <col min="3845" max="3845" width="14" style="666" customWidth="1"/>
    <col min="3846" max="3846" width="24.140625" style="666" customWidth="1"/>
    <col min="3847" max="4092" width="6.7109375" style="666"/>
    <col min="4093" max="4093" width="39" style="666" customWidth="1"/>
    <col min="4094" max="4094" width="12.7109375" style="666" customWidth="1"/>
    <col min="4095" max="4095" width="12" style="666" customWidth="1"/>
    <col min="4096" max="4100" width="8.7109375" style="666" customWidth="1"/>
    <col min="4101" max="4101" width="14" style="666" customWidth="1"/>
    <col min="4102" max="4102" width="24.140625" style="666" customWidth="1"/>
    <col min="4103" max="4348" width="6.7109375" style="666"/>
    <col min="4349" max="4349" width="39" style="666" customWidth="1"/>
    <col min="4350" max="4350" width="12.7109375" style="666" customWidth="1"/>
    <col min="4351" max="4351" width="12" style="666" customWidth="1"/>
    <col min="4352" max="4356" width="8.7109375" style="666" customWidth="1"/>
    <col min="4357" max="4357" width="14" style="666" customWidth="1"/>
    <col min="4358" max="4358" width="24.140625" style="666" customWidth="1"/>
    <col min="4359" max="4604" width="6.7109375" style="666"/>
    <col min="4605" max="4605" width="39" style="666" customWidth="1"/>
    <col min="4606" max="4606" width="12.7109375" style="666" customWidth="1"/>
    <col min="4607" max="4607" width="12" style="666" customWidth="1"/>
    <col min="4608" max="4612" width="8.7109375" style="666" customWidth="1"/>
    <col min="4613" max="4613" width="14" style="666" customWidth="1"/>
    <col min="4614" max="4614" width="24.140625" style="666" customWidth="1"/>
    <col min="4615" max="4860" width="6.7109375" style="666"/>
    <col min="4861" max="4861" width="39" style="666" customWidth="1"/>
    <col min="4862" max="4862" width="12.7109375" style="666" customWidth="1"/>
    <col min="4863" max="4863" width="12" style="666" customWidth="1"/>
    <col min="4864" max="4868" width="8.7109375" style="666" customWidth="1"/>
    <col min="4869" max="4869" width="14" style="666" customWidth="1"/>
    <col min="4870" max="4870" width="24.140625" style="666" customWidth="1"/>
    <col min="4871" max="5116" width="6.7109375" style="666"/>
    <col min="5117" max="5117" width="39" style="666" customWidth="1"/>
    <col min="5118" max="5118" width="12.7109375" style="666" customWidth="1"/>
    <col min="5119" max="5119" width="12" style="666" customWidth="1"/>
    <col min="5120" max="5124" width="8.7109375" style="666" customWidth="1"/>
    <col min="5125" max="5125" width="14" style="666" customWidth="1"/>
    <col min="5126" max="5126" width="24.140625" style="666" customWidth="1"/>
    <col min="5127" max="5372" width="6.7109375" style="666"/>
    <col min="5373" max="5373" width="39" style="666" customWidth="1"/>
    <col min="5374" max="5374" width="12.7109375" style="666" customWidth="1"/>
    <col min="5375" max="5375" width="12" style="666" customWidth="1"/>
    <col min="5376" max="5380" width="8.7109375" style="666" customWidth="1"/>
    <col min="5381" max="5381" width="14" style="666" customWidth="1"/>
    <col min="5382" max="5382" width="24.140625" style="666" customWidth="1"/>
    <col min="5383" max="5628" width="6.7109375" style="666"/>
    <col min="5629" max="5629" width="39" style="666" customWidth="1"/>
    <col min="5630" max="5630" width="12.7109375" style="666" customWidth="1"/>
    <col min="5631" max="5631" width="12" style="666" customWidth="1"/>
    <col min="5632" max="5636" width="8.7109375" style="666" customWidth="1"/>
    <col min="5637" max="5637" width="14" style="666" customWidth="1"/>
    <col min="5638" max="5638" width="24.140625" style="666" customWidth="1"/>
    <col min="5639" max="5884" width="6.7109375" style="666"/>
    <col min="5885" max="5885" width="39" style="666" customWidth="1"/>
    <col min="5886" max="5886" width="12.7109375" style="666" customWidth="1"/>
    <col min="5887" max="5887" width="12" style="666" customWidth="1"/>
    <col min="5888" max="5892" width="8.7109375" style="666" customWidth="1"/>
    <col min="5893" max="5893" width="14" style="666" customWidth="1"/>
    <col min="5894" max="5894" width="24.140625" style="666" customWidth="1"/>
    <col min="5895" max="6140" width="6.7109375" style="666"/>
    <col min="6141" max="6141" width="39" style="666" customWidth="1"/>
    <col min="6142" max="6142" width="12.7109375" style="666" customWidth="1"/>
    <col min="6143" max="6143" width="12" style="666" customWidth="1"/>
    <col min="6144" max="6148" width="8.7109375" style="666" customWidth="1"/>
    <col min="6149" max="6149" width="14" style="666" customWidth="1"/>
    <col min="6150" max="6150" width="24.140625" style="666" customWidth="1"/>
    <col min="6151" max="6396" width="6.7109375" style="666"/>
    <col min="6397" max="6397" width="39" style="666" customWidth="1"/>
    <col min="6398" max="6398" width="12.7109375" style="666" customWidth="1"/>
    <col min="6399" max="6399" width="12" style="666" customWidth="1"/>
    <col min="6400" max="6404" width="8.7109375" style="666" customWidth="1"/>
    <col min="6405" max="6405" width="14" style="666" customWidth="1"/>
    <col min="6406" max="6406" width="24.140625" style="666" customWidth="1"/>
    <col min="6407" max="6652" width="6.7109375" style="666"/>
    <col min="6653" max="6653" width="39" style="666" customWidth="1"/>
    <col min="6654" max="6654" width="12.7109375" style="666" customWidth="1"/>
    <col min="6655" max="6655" width="12" style="666" customWidth="1"/>
    <col min="6656" max="6660" width="8.7109375" style="666" customWidth="1"/>
    <col min="6661" max="6661" width="14" style="666" customWidth="1"/>
    <col min="6662" max="6662" width="24.140625" style="666" customWidth="1"/>
    <col min="6663" max="6908" width="6.7109375" style="666"/>
    <col min="6909" max="6909" width="39" style="666" customWidth="1"/>
    <col min="6910" max="6910" width="12.7109375" style="666" customWidth="1"/>
    <col min="6911" max="6911" width="12" style="666" customWidth="1"/>
    <col min="6912" max="6916" width="8.7109375" style="666" customWidth="1"/>
    <col min="6917" max="6917" width="14" style="666" customWidth="1"/>
    <col min="6918" max="6918" width="24.140625" style="666" customWidth="1"/>
    <col min="6919" max="7164" width="6.7109375" style="666"/>
    <col min="7165" max="7165" width="39" style="666" customWidth="1"/>
    <col min="7166" max="7166" width="12.7109375" style="666" customWidth="1"/>
    <col min="7167" max="7167" width="12" style="666" customWidth="1"/>
    <col min="7168" max="7172" width="8.7109375" style="666" customWidth="1"/>
    <col min="7173" max="7173" width="14" style="666" customWidth="1"/>
    <col min="7174" max="7174" width="24.140625" style="666" customWidth="1"/>
    <col min="7175" max="7420" width="6.7109375" style="666"/>
    <col min="7421" max="7421" width="39" style="666" customWidth="1"/>
    <col min="7422" max="7422" width="12.7109375" style="666" customWidth="1"/>
    <col min="7423" max="7423" width="12" style="666" customWidth="1"/>
    <col min="7424" max="7428" width="8.7109375" style="666" customWidth="1"/>
    <col min="7429" max="7429" width="14" style="666" customWidth="1"/>
    <col min="7430" max="7430" width="24.140625" style="666" customWidth="1"/>
    <col min="7431" max="7676" width="6.7109375" style="666"/>
    <col min="7677" max="7677" width="39" style="666" customWidth="1"/>
    <col min="7678" max="7678" width="12.7109375" style="666" customWidth="1"/>
    <col min="7679" max="7679" width="12" style="666" customWidth="1"/>
    <col min="7680" max="7684" width="8.7109375" style="666" customWidth="1"/>
    <col min="7685" max="7685" width="14" style="666" customWidth="1"/>
    <col min="7686" max="7686" width="24.140625" style="666" customWidth="1"/>
    <col min="7687" max="7932" width="6.7109375" style="666"/>
    <col min="7933" max="7933" width="39" style="666" customWidth="1"/>
    <col min="7934" max="7934" width="12.7109375" style="666" customWidth="1"/>
    <col min="7935" max="7935" width="12" style="666" customWidth="1"/>
    <col min="7936" max="7940" width="8.7109375" style="666" customWidth="1"/>
    <col min="7941" max="7941" width="14" style="666" customWidth="1"/>
    <col min="7942" max="7942" width="24.140625" style="666" customWidth="1"/>
    <col min="7943" max="8188" width="6.7109375" style="666"/>
    <col min="8189" max="8189" width="39" style="666" customWidth="1"/>
    <col min="8190" max="8190" width="12.7109375" style="666" customWidth="1"/>
    <col min="8191" max="8191" width="12" style="666" customWidth="1"/>
    <col min="8192" max="8196" width="8.7109375" style="666" customWidth="1"/>
    <col min="8197" max="8197" width="14" style="666" customWidth="1"/>
    <col min="8198" max="8198" width="24.140625" style="666" customWidth="1"/>
    <col min="8199" max="8444" width="6.7109375" style="666"/>
    <col min="8445" max="8445" width="39" style="666" customWidth="1"/>
    <col min="8446" max="8446" width="12.7109375" style="666" customWidth="1"/>
    <col min="8447" max="8447" width="12" style="666" customWidth="1"/>
    <col min="8448" max="8452" width="8.7109375" style="666" customWidth="1"/>
    <col min="8453" max="8453" width="14" style="666" customWidth="1"/>
    <col min="8454" max="8454" width="24.140625" style="666" customWidth="1"/>
    <col min="8455" max="8700" width="6.7109375" style="666"/>
    <col min="8701" max="8701" width="39" style="666" customWidth="1"/>
    <col min="8702" max="8702" width="12.7109375" style="666" customWidth="1"/>
    <col min="8703" max="8703" width="12" style="666" customWidth="1"/>
    <col min="8704" max="8708" width="8.7109375" style="666" customWidth="1"/>
    <col min="8709" max="8709" width="14" style="666" customWidth="1"/>
    <col min="8710" max="8710" width="24.140625" style="666" customWidth="1"/>
    <col min="8711" max="8956" width="6.7109375" style="666"/>
    <col min="8957" max="8957" width="39" style="666" customWidth="1"/>
    <col min="8958" max="8958" width="12.7109375" style="666" customWidth="1"/>
    <col min="8959" max="8959" width="12" style="666" customWidth="1"/>
    <col min="8960" max="8964" width="8.7109375" style="666" customWidth="1"/>
    <col min="8965" max="8965" width="14" style="666" customWidth="1"/>
    <col min="8966" max="8966" width="24.140625" style="666" customWidth="1"/>
    <col min="8967" max="9212" width="6.7109375" style="666"/>
    <col min="9213" max="9213" width="39" style="666" customWidth="1"/>
    <col min="9214" max="9214" width="12.7109375" style="666" customWidth="1"/>
    <col min="9215" max="9215" width="12" style="666" customWidth="1"/>
    <col min="9216" max="9220" width="8.7109375" style="666" customWidth="1"/>
    <col min="9221" max="9221" width="14" style="666" customWidth="1"/>
    <col min="9222" max="9222" width="24.140625" style="666" customWidth="1"/>
    <col min="9223" max="9468" width="6.7109375" style="666"/>
    <col min="9469" max="9469" width="39" style="666" customWidth="1"/>
    <col min="9470" max="9470" width="12.7109375" style="666" customWidth="1"/>
    <col min="9471" max="9471" width="12" style="666" customWidth="1"/>
    <col min="9472" max="9476" width="8.7109375" style="666" customWidth="1"/>
    <col min="9477" max="9477" width="14" style="666" customWidth="1"/>
    <col min="9478" max="9478" width="24.140625" style="666" customWidth="1"/>
    <col min="9479" max="9724" width="6.7109375" style="666"/>
    <col min="9725" max="9725" width="39" style="666" customWidth="1"/>
    <col min="9726" max="9726" width="12.7109375" style="666" customWidth="1"/>
    <col min="9727" max="9727" width="12" style="666" customWidth="1"/>
    <col min="9728" max="9732" width="8.7109375" style="666" customWidth="1"/>
    <col min="9733" max="9733" width="14" style="666" customWidth="1"/>
    <col min="9734" max="9734" width="24.140625" style="666" customWidth="1"/>
    <col min="9735" max="9980" width="6.7109375" style="666"/>
    <col min="9981" max="9981" width="39" style="666" customWidth="1"/>
    <col min="9982" max="9982" width="12.7109375" style="666" customWidth="1"/>
    <col min="9983" max="9983" width="12" style="666" customWidth="1"/>
    <col min="9984" max="9988" width="8.7109375" style="666" customWidth="1"/>
    <col min="9989" max="9989" width="14" style="666" customWidth="1"/>
    <col min="9990" max="9990" width="24.140625" style="666" customWidth="1"/>
    <col min="9991" max="10236" width="6.7109375" style="666"/>
    <col min="10237" max="10237" width="39" style="666" customWidth="1"/>
    <col min="10238" max="10238" width="12.7109375" style="666" customWidth="1"/>
    <col min="10239" max="10239" width="12" style="666" customWidth="1"/>
    <col min="10240" max="10244" width="8.7109375" style="666" customWidth="1"/>
    <col min="10245" max="10245" width="14" style="666" customWidth="1"/>
    <col min="10246" max="10246" width="24.140625" style="666" customWidth="1"/>
    <col min="10247" max="10492" width="6.7109375" style="666"/>
    <col min="10493" max="10493" width="39" style="666" customWidth="1"/>
    <col min="10494" max="10494" width="12.7109375" style="666" customWidth="1"/>
    <col min="10495" max="10495" width="12" style="666" customWidth="1"/>
    <col min="10496" max="10500" width="8.7109375" style="666" customWidth="1"/>
    <col min="10501" max="10501" width="14" style="666" customWidth="1"/>
    <col min="10502" max="10502" width="24.140625" style="666" customWidth="1"/>
    <col min="10503" max="10748" width="6.7109375" style="666"/>
    <col min="10749" max="10749" width="39" style="666" customWidth="1"/>
    <col min="10750" max="10750" width="12.7109375" style="666" customWidth="1"/>
    <col min="10751" max="10751" width="12" style="666" customWidth="1"/>
    <col min="10752" max="10756" width="8.7109375" style="666" customWidth="1"/>
    <col min="10757" max="10757" width="14" style="666" customWidth="1"/>
    <col min="10758" max="10758" width="24.140625" style="666" customWidth="1"/>
    <col min="10759" max="11004" width="6.7109375" style="666"/>
    <col min="11005" max="11005" width="39" style="666" customWidth="1"/>
    <col min="11006" max="11006" width="12.7109375" style="666" customWidth="1"/>
    <col min="11007" max="11007" width="12" style="666" customWidth="1"/>
    <col min="11008" max="11012" width="8.7109375" style="666" customWidth="1"/>
    <col min="11013" max="11013" width="14" style="666" customWidth="1"/>
    <col min="11014" max="11014" width="24.140625" style="666" customWidth="1"/>
    <col min="11015" max="11260" width="6.7109375" style="666"/>
    <col min="11261" max="11261" width="39" style="666" customWidth="1"/>
    <col min="11262" max="11262" width="12.7109375" style="666" customWidth="1"/>
    <col min="11263" max="11263" width="12" style="666" customWidth="1"/>
    <col min="11264" max="11268" width="8.7109375" style="666" customWidth="1"/>
    <col min="11269" max="11269" width="14" style="666" customWidth="1"/>
    <col min="11270" max="11270" width="24.140625" style="666" customWidth="1"/>
    <col min="11271" max="11516" width="6.7109375" style="666"/>
    <col min="11517" max="11517" width="39" style="666" customWidth="1"/>
    <col min="11518" max="11518" width="12.7109375" style="666" customWidth="1"/>
    <col min="11519" max="11519" width="12" style="666" customWidth="1"/>
    <col min="11520" max="11524" width="8.7109375" style="666" customWidth="1"/>
    <col min="11525" max="11525" width="14" style="666" customWidth="1"/>
    <col min="11526" max="11526" width="24.140625" style="666" customWidth="1"/>
    <col min="11527" max="11772" width="6.7109375" style="666"/>
    <col min="11773" max="11773" width="39" style="666" customWidth="1"/>
    <col min="11774" max="11774" width="12.7109375" style="666" customWidth="1"/>
    <col min="11775" max="11775" width="12" style="666" customWidth="1"/>
    <col min="11776" max="11780" width="8.7109375" style="666" customWidth="1"/>
    <col min="11781" max="11781" width="14" style="666" customWidth="1"/>
    <col min="11782" max="11782" width="24.140625" style="666" customWidth="1"/>
    <col min="11783" max="12028" width="6.7109375" style="666"/>
    <col min="12029" max="12029" width="39" style="666" customWidth="1"/>
    <col min="12030" max="12030" width="12.7109375" style="666" customWidth="1"/>
    <col min="12031" max="12031" width="12" style="666" customWidth="1"/>
    <col min="12032" max="12036" width="8.7109375" style="666" customWidth="1"/>
    <col min="12037" max="12037" width="14" style="666" customWidth="1"/>
    <col min="12038" max="12038" width="24.140625" style="666" customWidth="1"/>
    <col min="12039" max="12284" width="6.7109375" style="666"/>
    <col min="12285" max="12285" width="39" style="666" customWidth="1"/>
    <col min="12286" max="12286" width="12.7109375" style="666" customWidth="1"/>
    <col min="12287" max="12287" width="12" style="666" customWidth="1"/>
    <col min="12288" max="12292" width="8.7109375" style="666" customWidth="1"/>
    <col min="12293" max="12293" width="14" style="666" customWidth="1"/>
    <col min="12294" max="12294" width="24.140625" style="666" customWidth="1"/>
    <col min="12295" max="12540" width="6.7109375" style="666"/>
    <col min="12541" max="12541" width="39" style="666" customWidth="1"/>
    <col min="12542" max="12542" width="12.7109375" style="666" customWidth="1"/>
    <col min="12543" max="12543" width="12" style="666" customWidth="1"/>
    <col min="12544" max="12548" width="8.7109375" style="666" customWidth="1"/>
    <col min="12549" max="12549" width="14" style="666" customWidth="1"/>
    <col min="12550" max="12550" width="24.140625" style="666" customWidth="1"/>
    <col min="12551" max="12796" width="6.7109375" style="666"/>
    <col min="12797" max="12797" width="39" style="666" customWidth="1"/>
    <col min="12798" max="12798" width="12.7109375" style="666" customWidth="1"/>
    <col min="12799" max="12799" width="12" style="666" customWidth="1"/>
    <col min="12800" max="12804" width="8.7109375" style="666" customWidth="1"/>
    <col min="12805" max="12805" width="14" style="666" customWidth="1"/>
    <col min="12806" max="12806" width="24.140625" style="666" customWidth="1"/>
    <col min="12807" max="13052" width="6.7109375" style="666"/>
    <col min="13053" max="13053" width="39" style="666" customWidth="1"/>
    <col min="13054" max="13054" width="12.7109375" style="666" customWidth="1"/>
    <col min="13055" max="13055" width="12" style="666" customWidth="1"/>
    <col min="13056" max="13060" width="8.7109375" style="666" customWidth="1"/>
    <col min="13061" max="13061" width="14" style="666" customWidth="1"/>
    <col min="13062" max="13062" width="24.140625" style="666" customWidth="1"/>
    <col min="13063" max="13308" width="6.7109375" style="666"/>
    <col min="13309" max="13309" width="39" style="666" customWidth="1"/>
    <col min="13310" max="13310" width="12.7109375" style="666" customWidth="1"/>
    <col min="13311" max="13311" width="12" style="666" customWidth="1"/>
    <col min="13312" max="13316" width="8.7109375" style="666" customWidth="1"/>
    <col min="13317" max="13317" width="14" style="666" customWidth="1"/>
    <col min="13318" max="13318" width="24.140625" style="666" customWidth="1"/>
    <col min="13319" max="13564" width="6.7109375" style="666"/>
    <col min="13565" max="13565" width="39" style="666" customWidth="1"/>
    <col min="13566" max="13566" width="12.7109375" style="666" customWidth="1"/>
    <col min="13567" max="13567" width="12" style="666" customWidth="1"/>
    <col min="13568" max="13572" width="8.7109375" style="666" customWidth="1"/>
    <col min="13573" max="13573" width="14" style="666" customWidth="1"/>
    <col min="13574" max="13574" width="24.140625" style="666" customWidth="1"/>
    <col min="13575" max="13820" width="6.7109375" style="666"/>
    <col min="13821" max="13821" width="39" style="666" customWidth="1"/>
    <col min="13822" max="13822" width="12.7109375" style="666" customWidth="1"/>
    <col min="13823" max="13823" width="12" style="666" customWidth="1"/>
    <col min="13824" max="13828" width="8.7109375" style="666" customWidth="1"/>
    <col min="13829" max="13829" width="14" style="666" customWidth="1"/>
    <col min="13830" max="13830" width="24.140625" style="666" customWidth="1"/>
    <col min="13831" max="14076" width="6.7109375" style="666"/>
    <col min="14077" max="14077" width="39" style="666" customWidth="1"/>
    <col min="14078" max="14078" width="12.7109375" style="666" customWidth="1"/>
    <col min="14079" max="14079" width="12" style="666" customWidth="1"/>
    <col min="14080" max="14084" width="8.7109375" style="666" customWidth="1"/>
    <col min="14085" max="14085" width="14" style="666" customWidth="1"/>
    <col min="14086" max="14086" width="24.140625" style="666" customWidth="1"/>
    <col min="14087" max="14332" width="6.7109375" style="666"/>
    <col min="14333" max="14333" width="39" style="666" customWidth="1"/>
    <col min="14334" max="14334" width="12.7109375" style="666" customWidth="1"/>
    <col min="14335" max="14335" width="12" style="666" customWidth="1"/>
    <col min="14336" max="14340" width="8.7109375" style="666" customWidth="1"/>
    <col min="14341" max="14341" width="14" style="666" customWidth="1"/>
    <col min="14342" max="14342" width="24.140625" style="666" customWidth="1"/>
    <col min="14343" max="14588" width="6.7109375" style="666"/>
    <col min="14589" max="14589" width="39" style="666" customWidth="1"/>
    <col min="14590" max="14590" width="12.7109375" style="666" customWidth="1"/>
    <col min="14591" max="14591" width="12" style="666" customWidth="1"/>
    <col min="14592" max="14596" width="8.7109375" style="666" customWidth="1"/>
    <col min="14597" max="14597" width="14" style="666" customWidth="1"/>
    <col min="14598" max="14598" width="24.140625" style="666" customWidth="1"/>
    <col min="14599" max="14844" width="6.7109375" style="666"/>
    <col min="14845" max="14845" width="39" style="666" customWidth="1"/>
    <col min="14846" max="14846" width="12.7109375" style="666" customWidth="1"/>
    <col min="14847" max="14847" width="12" style="666" customWidth="1"/>
    <col min="14848" max="14852" width="8.7109375" style="666" customWidth="1"/>
    <col min="14853" max="14853" width="14" style="666" customWidth="1"/>
    <col min="14854" max="14854" width="24.140625" style="666" customWidth="1"/>
    <col min="14855" max="15100" width="6.7109375" style="666"/>
    <col min="15101" max="15101" width="39" style="666" customWidth="1"/>
    <col min="15102" max="15102" width="12.7109375" style="666" customWidth="1"/>
    <col min="15103" max="15103" width="12" style="666" customWidth="1"/>
    <col min="15104" max="15108" width="8.7109375" style="666" customWidth="1"/>
    <col min="15109" max="15109" width="14" style="666" customWidth="1"/>
    <col min="15110" max="15110" width="24.140625" style="666" customWidth="1"/>
    <col min="15111" max="15356" width="6.7109375" style="666"/>
    <col min="15357" max="15357" width="39" style="666" customWidth="1"/>
    <col min="15358" max="15358" width="12.7109375" style="666" customWidth="1"/>
    <col min="15359" max="15359" width="12" style="666" customWidth="1"/>
    <col min="15360" max="15364" width="8.7109375" style="666" customWidth="1"/>
    <col min="15365" max="15365" width="14" style="666" customWidth="1"/>
    <col min="15366" max="15366" width="24.140625" style="666" customWidth="1"/>
    <col min="15367" max="15612" width="6.7109375" style="666"/>
    <col min="15613" max="15613" width="39" style="666" customWidth="1"/>
    <col min="15614" max="15614" width="12.7109375" style="666" customWidth="1"/>
    <col min="15615" max="15615" width="12" style="666" customWidth="1"/>
    <col min="15616" max="15620" width="8.7109375" style="666" customWidth="1"/>
    <col min="15621" max="15621" width="14" style="666" customWidth="1"/>
    <col min="15622" max="15622" width="24.140625" style="666" customWidth="1"/>
    <col min="15623" max="15868" width="6.7109375" style="666"/>
    <col min="15869" max="15869" width="39" style="666" customWidth="1"/>
    <col min="15870" max="15870" width="12.7109375" style="666" customWidth="1"/>
    <col min="15871" max="15871" width="12" style="666" customWidth="1"/>
    <col min="15872" max="15876" width="8.7109375" style="666" customWidth="1"/>
    <col min="15877" max="15877" width="14" style="666" customWidth="1"/>
    <col min="15878" max="15878" width="24.140625" style="666" customWidth="1"/>
    <col min="15879" max="16124" width="6.7109375" style="666"/>
    <col min="16125" max="16125" width="39" style="666" customWidth="1"/>
    <col min="16126" max="16126" width="12.7109375" style="666" customWidth="1"/>
    <col min="16127" max="16127" width="12" style="666" customWidth="1"/>
    <col min="16128" max="16132" width="8.7109375" style="666" customWidth="1"/>
    <col min="16133" max="16133" width="14" style="666" customWidth="1"/>
    <col min="16134" max="16134" width="24.140625" style="666" customWidth="1"/>
    <col min="16135" max="16384" width="6.7109375" style="666"/>
  </cols>
  <sheetData>
    <row r="1" spans="1:7" s="663" customFormat="1" x14ac:dyDescent="0.15">
      <c r="A1" s="661"/>
      <c r="B1" s="661"/>
      <c r="C1" s="661"/>
      <c r="D1" s="661"/>
      <c r="E1" s="661"/>
      <c r="F1" s="661"/>
      <c r="G1" s="662"/>
    </row>
    <row r="2" spans="1:7" x14ac:dyDescent="0.15">
      <c r="A2" s="664"/>
      <c r="B2" s="664"/>
      <c r="C2" s="664"/>
      <c r="D2" s="664"/>
      <c r="E2" s="664"/>
      <c r="F2" s="664"/>
      <c r="G2" s="665"/>
    </row>
    <row r="3" spans="1:7" x14ac:dyDescent="0.15">
      <c r="A3" s="1161" t="s">
        <v>641</v>
      </c>
      <c r="B3" s="1161"/>
      <c r="C3" s="1161"/>
      <c r="D3" s="1161"/>
      <c r="E3" s="1161"/>
      <c r="F3" s="1161"/>
      <c r="G3" s="665"/>
    </row>
    <row r="4" spans="1:7" x14ac:dyDescent="0.15">
      <c r="A4" s="1161" t="s">
        <v>105</v>
      </c>
      <c r="B4" s="1161"/>
      <c r="C4" s="1161"/>
      <c r="D4" s="1161"/>
      <c r="E4" s="1161"/>
      <c r="F4" s="1161"/>
      <c r="G4" s="665"/>
    </row>
    <row r="5" spans="1:7" x14ac:dyDescent="0.15">
      <c r="A5" s="1161" t="s">
        <v>885</v>
      </c>
      <c r="B5" s="1161"/>
      <c r="C5" s="1161"/>
      <c r="D5" s="1161"/>
      <c r="E5" s="1161"/>
      <c r="F5" s="1161"/>
      <c r="G5" s="665"/>
    </row>
    <row r="6" spans="1:7" x14ac:dyDescent="0.15">
      <c r="A6" s="1161" t="s">
        <v>107</v>
      </c>
      <c r="B6" s="1161"/>
      <c r="C6" s="1161"/>
      <c r="D6" s="1161"/>
      <c r="E6" s="1161"/>
      <c r="F6" s="1161"/>
      <c r="G6" s="665"/>
    </row>
    <row r="7" spans="1:7" x14ac:dyDescent="0.15">
      <c r="A7" s="1161" t="s">
        <v>881</v>
      </c>
      <c r="B7" s="1161"/>
      <c r="C7" s="1161"/>
      <c r="D7" s="1161"/>
      <c r="E7" s="1161"/>
      <c r="F7" s="1161"/>
      <c r="G7" s="665"/>
    </row>
    <row r="8" spans="1:7" x14ac:dyDescent="0.15">
      <c r="A8" s="664"/>
      <c r="B8" s="667"/>
      <c r="C8" s="667"/>
      <c r="D8" s="667"/>
      <c r="E8" s="667"/>
      <c r="F8" s="667"/>
      <c r="G8" s="665"/>
    </row>
    <row r="9" spans="1:7" x14ac:dyDescent="0.15">
      <c r="A9" s="668" t="s">
        <v>886</v>
      </c>
      <c r="B9" s="664"/>
      <c r="C9" s="664"/>
      <c r="D9" s="664"/>
      <c r="E9" s="664"/>
      <c r="F9" s="240">
        <v>1</v>
      </c>
      <c r="G9" s="665"/>
    </row>
    <row r="10" spans="1:7" s="679" customFormat="1" ht="42" customHeight="1" x14ac:dyDescent="0.15">
      <c r="A10" s="1035" t="s">
        <v>110</v>
      </c>
      <c r="B10" s="648" t="s">
        <v>235</v>
      </c>
      <c r="C10" s="1110" t="s">
        <v>109</v>
      </c>
      <c r="D10" s="1038"/>
      <c r="E10" s="1035"/>
      <c r="F10" s="648" t="s">
        <v>887</v>
      </c>
      <c r="G10" s="678"/>
    </row>
    <row r="11" spans="1:7" s="683" customFormat="1" ht="15" customHeight="1" x14ac:dyDescent="0.2">
      <c r="A11" s="1037"/>
      <c r="B11" s="673" t="s">
        <v>116</v>
      </c>
      <c r="C11" s="1153" t="s">
        <v>117</v>
      </c>
      <c r="D11" s="1154"/>
      <c r="E11" s="1155"/>
      <c r="F11" s="669" t="s">
        <v>888</v>
      </c>
      <c r="G11" s="682"/>
    </row>
    <row r="12" spans="1:7" s="237" customFormat="1" ht="17.25" customHeight="1" x14ac:dyDescent="0.2">
      <c r="A12" s="251" t="s">
        <v>942</v>
      </c>
      <c r="B12" s="746">
        <v>43326855.170000002</v>
      </c>
      <c r="C12" s="1156">
        <v>41998753.960000001</v>
      </c>
      <c r="D12" s="1157"/>
      <c r="E12" s="1158"/>
      <c r="F12" s="730">
        <v>1328101.2100000009</v>
      </c>
      <c r="G12" s="688"/>
    </row>
    <row r="13" spans="1:7" ht="18" customHeight="1" x14ac:dyDescent="0.15">
      <c r="A13" s="670"/>
      <c r="B13" s="670"/>
      <c r="C13" s="670"/>
      <c r="D13" s="670"/>
      <c r="E13" s="670"/>
      <c r="F13" s="670"/>
      <c r="G13" s="665"/>
    </row>
    <row r="14" spans="1:7" s="20" customFormat="1" ht="20.100000000000001" customHeight="1" x14ac:dyDescent="0.2">
      <c r="A14" s="1035" t="s">
        <v>160</v>
      </c>
      <c r="B14" s="649" t="s">
        <v>889</v>
      </c>
      <c r="C14" s="1162" t="s">
        <v>869</v>
      </c>
      <c r="D14" s="1163"/>
      <c r="E14" s="1164"/>
      <c r="F14" s="1110" t="s">
        <v>890</v>
      </c>
      <c r="G14" s="535"/>
    </row>
    <row r="15" spans="1:7" s="20" customFormat="1" ht="20.100000000000001" customHeight="1" x14ac:dyDescent="0.2">
      <c r="A15" s="1036"/>
      <c r="B15" s="650" t="s">
        <v>112</v>
      </c>
      <c r="C15" s="650" t="s">
        <v>871</v>
      </c>
      <c r="D15" s="650" t="s">
        <v>870</v>
      </c>
      <c r="E15" s="1160" t="s">
        <v>348</v>
      </c>
      <c r="F15" s="1111"/>
      <c r="G15" s="535"/>
    </row>
    <row r="16" spans="1:7" s="681" customFormat="1" ht="20.100000000000001" customHeight="1" x14ac:dyDescent="0.2">
      <c r="A16" s="1037"/>
      <c r="B16" s="671" t="s">
        <v>162</v>
      </c>
      <c r="C16" s="672" t="s">
        <v>163</v>
      </c>
      <c r="D16" s="671"/>
      <c r="E16" s="1032"/>
      <c r="F16" s="673" t="s">
        <v>891</v>
      </c>
      <c r="G16" s="680"/>
    </row>
    <row r="17" spans="1:7" s="687" customFormat="1" x14ac:dyDescent="0.15">
      <c r="A17" s="685" t="s">
        <v>167</v>
      </c>
      <c r="B17" s="691">
        <v>2172408656.4000001</v>
      </c>
      <c r="C17" s="691">
        <v>1658858290.26</v>
      </c>
      <c r="D17" s="691">
        <v>1433938778.47</v>
      </c>
      <c r="E17" s="691">
        <v>224919511.79000002</v>
      </c>
      <c r="F17" s="707">
        <v>513550366.1400001</v>
      </c>
      <c r="G17" s="686"/>
    </row>
    <row r="18" spans="1:7" x14ac:dyDescent="0.15">
      <c r="A18" s="684" t="s">
        <v>892</v>
      </c>
      <c r="B18" s="692"/>
      <c r="C18" s="693"/>
      <c r="D18" s="692"/>
      <c r="E18" s="692"/>
      <c r="F18" s="706">
        <v>0</v>
      </c>
      <c r="G18" s="665"/>
    </row>
    <row r="19" spans="1:7" x14ac:dyDescent="0.15">
      <c r="A19" s="684" t="s">
        <v>903</v>
      </c>
      <c r="B19" s="694"/>
      <c r="C19" s="693"/>
      <c r="D19" s="694"/>
      <c r="E19" s="694"/>
      <c r="F19" s="706">
        <v>0</v>
      </c>
      <c r="G19" s="665"/>
    </row>
    <row r="20" spans="1:7" s="237" customFormat="1" ht="15" customHeight="1" x14ac:dyDescent="0.2">
      <c r="A20" s="652" t="s">
        <v>893</v>
      </c>
      <c r="B20" s="647">
        <v>2172408656.4000001</v>
      </c>
      <c r="C20" s="647">
        <v>1658858290.26</v>
      </c>
      <c r="D20" s="647">
        <v>1433938778.47</v>
      </c>
      <c r="E20" s="647">
        <v>224919511.79000002</v>
      </c>
      <c r="F20" s="647">
        <v>513550366.1400001</v>
      </c>
      <c r="G20" s="688"/>
    </row>
    <row r="21" spans="1:7" s="663" customFormat="1" ht="13.5" customHeight="1" x14ac:dyDescent="0.15">
      <c r="A21" s="689"/>
      <c r="B21" s="689"/>
      <c r="C21" s="689"/>
      <c r="D21" s="689"/>
      <c r="E21" s="689"/>
      <c r="F21" s="689"/>
      <c r="G21" s="662"/>
    </row>
    <row r="22" spans="1:7" s="687" customFormat="1" ht="15" customHeight="1" x14ac:dyDescent="0.15">
      <c r="A22" s="1035" t="s">
        <v>902</v>
      </c>
      <c r="B22" s="312" t="s">
        <v>900</v>
      </c>
      <c r="C22" s="312" t="s">
        <v>901</v>
      </c>
      <c r="D22" s="312"/>
      <c r="E22" s="312"/>
      <c r="F22" s="651" t="s">
        <v>904</v>
      </c>
      <c r="G22" s="686"/>
    </row>
    <row r="23" spans="1:7" ht="15" customHeight="1" x14ac:dyDescent="0.15">
      <c r="A23" s="1037"/>
      <c r="B23" s="816">
        <v>-2129081801.23</v>
      </c>
      <c r="C23" s="816">
        <v>-1616859536.3</v>
      </c>
      <c r="D23" s="690"/>
      <c r="E23" s="690"/>
      <c r="F23" s="729">
        <v>-512222264.93000013</v>
      </c>
      <c r="G23" s="665"/>
    </row>
    <row r="24" spans="1:7" x14ac:dyDescent="0.15">
      <c r="A24" s="50" t="s">
        <v>863</v>
      </c>
      <c r="B24" s="668"/>
      <c r="C24" s="668"/>
      <c r="D24" s="668"/>
      <c r="E24" s="668"/>
      <c r="F24" s="668"/>
      <c r="G24" s="665"/>
    </row>
    <row r="25" spans="1:7" x14ac:dyDescent="0.15">
      <c r="A25" s="677" t="s">
        <v>894</v>
      </c>
      <c r="B25" s="674"/>
      <c r="C25" s="674"/>
      <c r="D25" s="674"/>
      <c r="E25" s="674"/>
      <c r="F25" s="674"/>
      <c r="G25" s="665"/>
    </row>
    <row r="26" spans="1:7" ht="11.25" x14ac:dyDescent="0.15">
      <c r="A26" s="1159" t="s">
        <v>895</v>
      </c>
      <c r="B26" s="1159"/>
      <c r="C26" s="1159"/>
      <c r="D26" s="1159"/>
      <c r="E26" s="1159"/>
      <c r="F26" s="675"/>
      <c r="G26" s="665"/>
    </row>
    <row r="27" spans="1:7" ht="11.25" x14ac:dyDescent="0.15">
      <c r="A27" s="1159" t="s">
        <v>896</v>
      </c>
      <c r="B27" s="1159"/>
      <c r="C27" s="1159"/>
      <c r="D27" s="1159"/>
      <c r="E27" s="1159"/>
      <c r="F27" s="675"/>
      <c r="G27" s="665"/>
    </row>
    <row r="28" spans="1:7" x14ac:dyDescent="0.15">
      <c r="A28" s="1165" t="s">
        <v>897</v>
      </c>
      <c r="B28" s="1165"/>
      <c r="C28" s="1165"/>
      <c r="D28" s="1165"/>
      <c r="E28" s="1165"/>
      <c r="F28" s="676"/>
      <c r="G28" s="665"/>
    </row>
    <row r="29" spans="1:7" x14ac:dyDescent="0.15">
      <c r="A29" s="1165" t="s">
        <v>898</v>
      </c>
      <c r="B29" s="1165"/>
      <c r="C29" s="1165"/>
      <c r="D29" s="1165"/>
      <c r="E29" s="1165"/>
      <c r="F29" s="676"/>
      <c r="G29" s="665"/>
    </row>
    <row r="30" spans="1:7" x14ac:dyDescent="0.15">
      <c r="A30" s="289" t="s">
        <v>899</v>
      </c>
      <c r="B30" s="289"/>
      <c r="C30" s="289"/>
      <c r="D30" s="289"/>
      <c r="E30" s="289"/>
    </row>
    <row r="31" spans="1:7" s="93" customFormat="1" ht="11.25" customHeight="1" x14ac:dyDescent="0.2">
      <c r="A31" s="299"/>
    </row>
    <row r="32" spans="1:7" s="93" customFormat="1" ht="11.25" customHeight="1" x14ac:dyDescent="0.2">
      <c r="A32" s="299"/>
    </row>
    <row r="33" spans="1:1" s="93" customFormat="1" ht="11.25" customHeight="1" x14ac:dyDescent="0.2">
      <c r="A33" s="299"/>
    </row>
    <row r="34" spans="1:1" s="93" customFormat="1" ht="11.25" customHeight="1" x14ac:dyDescent="0.2">
      <c r="A34" s="299"/>
    </row>
    <row r="35" spans="1:1" s="93" customFormat="1" ht="11.25" customHeight="1" x14ac:dyDescent="0.2">
      <c r="A35" s="299"/>
    </row>
    <row r="36" spans="1:1" s="93" customFormat="1" ht="11.25" customHeight="1" x14ac:dyDescent="0.2">
      <c r="A36" s="299"/>
    </row>
    <row r="37" spans="1:1" s="93" customFormat="1" ht="11.25" customHeight="1" x14ac:dyDescent="0.2">
      <c r="A37" s="299"/>
    </row>
    <row r="38" spans="1:1" s="93" customFormat="1" ht="11.25" customHeight="1" x14ac:dyDescent="0.2">
      <c r="A38" s="299"/>
    </row>
    <row r="39" spans="1:1" s="50" customFormat="1" ht="11.25" customHeight="1" x14ac:dyDescent="0.2"/>
    <row r="40" spans="1:1" s="50" customFormat="1" ht="11.25" customHeight="1" x14ac:dyDescent="0.2"/>
    <row r="41" spans="1:1" s="50" customFormat="1" ht="11.25" customHeight="1" x14ac:dyDescent="0.2"/>
    <row r="42" spans="1:1" s="50" customFormat="1" ht="11.25" customHeight="1" x14ac:dyDescent="0.2"/>
    <row r="43" spans="1:1" s="50" customFormat="1" ht="11.25" customHeight="1" x14ac:dyDescent="0.2"/>
    <row r="44" spans="1:1" s="50" customFormat="1" ht="11.25" customHeight="1" x14ac:dyDescent="0.2"/>
    <row r="45" spans="1:1" s="50" customFormat="1" ht="11.25" customHeight="1" x14ac:dyDescent="0.2"/>
    <row r="46" spans="1:1" s="93" customFormat="1" ht="11.25" customHeight="1" x14ac:dyDescent="0.2">
      <c r="A46" s="299"/>
    </row>
    <row r="47" spans="1:1" s="93" customFormat="1" ht="11.25" customHeight="1" x14ac:dyDescent="0.2">
      <c r="A47" s="299"/>
    </row>
    <row r="48" spans="1:1" s="93" customFormat="1" ht="11.25" customHeight="1" x14ac:dyDescent="0.2">
      <c r="A48" s="299"/>
    </row>
    <row r="49" spans="1:1" s="93" customFormat="1" ht="11.25" customHeight="1" x14ac:dyDescent="0.2">
      <c r="A49" s="299"/>
    </row>
    <row r="50" spans="1:1" s="93" customFormat="1" ht="11.25" customHeight="1" x14ac:dyDescent="0.2">
      <c r="A50" s="299"/>
    </row>
    <row r="51" spans="1:1" s="93" customFormat="1" ht="11.25" customHeight="1" x14ac:dyDescent="0.2">
      <c r="A51" s="299"/>
    </row>
    <row r="52" spans="1:1" s="93" customFormat="1" ht="11.25" customHeight="1" x14ac:dyDescent="0.2">
      <c r="A52" s="299"/>
    </row>
  </sheetData>
  <customSheetViews>
    <customSheetView guid="{6DBFA32C-4AA4-4E1D-9A48-697377C64CC3}" showPageBreaks="1" showGridLines="0" fitToPage="1" printArea="1" topLeftCell="A16">
      <selection activeCell="A4" sqref="A4:F4"/>
      <pageMargins left="0.19685039370078741" right="0.19685039370078741" top="0.59055118110236227" bottom="0.19685039370078741" header="0" footer="0"/>
      <printOptions horizontalCentered="1"/>
      <pageSetup paperSize="9" scale="60" orientation="portrait" r:id="rId1"/>
    </customSheetView>
    <customSheetView guid="{25EF1E0D-169B-4051-B414-7E1196FC05E4}" showPageBreaks="1" showGridLines="0" fitToPage="1" printArea="1" topLeftCell="B4">
      <selection activeCell="G23" sqref="G23"/>
      <pageMargins left="0.19685039370078741" right="0.19685039370078741" top="0.59055118110236227" bottom="0.19685039370078741" header="0" footer="0"/>
      <printOptions horizontalCentered="1"/>
      <pageSetup paperSize="9" scale="59" orientation="portrait" r:id="rId2"/>
    </customSheetView>
    <customSheetView guid="{82EDB5A4-4824-4632-A540-7A52C92F04C7}" showPageBreaks="1" showGridLines="0" fitToPage="1" printArea="1" topLeftCell="A7">
      <selection activeCell="B17" sqref="B17"/>
      <pageMargins left="0.19685039370078741" right="0.19685039370078741" top="0.59055118110236227" bottom="0.19685039370078741" header="0" footer="0"/>
      <printOptions horizontalCentered="1"/>
      <pageSetup paperSize="9" scale="60" orientation="portrait" r:id="rId3"/>
    </customSheetView>
    <customSheetView guid="{3AAF6A5F-F9AA-430B-9AD9-1261ECDF41B5}" showPageBreaks="1" showGridLines="0" fitToPage="1" printArea="1" topLeftCell="A4">
      <selection activeCell="B12" sqref="B12"/>
      <pageMargins left="0.19685039370078741" right="0.19685039370078741" top="0.59055118110236227" bottom="0.19685039370078741" header="0" footer="0"/>
      <printOptions horizontalCentered="1"/>
      <pageSetup paperSize="9" scale="59" orientation="portrait" r:id="rId4"/>
    </customSheetView>
    <customSheetView guid="{C779D862-DE28-46CD-A428-4AAA1056D1E1}" showGridLines="0" fitToPage="1" topLeftCell="A4">
      <selection activeCell="C12" sqref="C12:E12"/>
      <pageMargins left="0.19685039370078741" right="0.19685039370078741" top="0.59055118110236227" bottom="0.19685039370078741" header="0" footer="0"/>
      <printOptions horizontalCentered="1"/>
      <pageSetup paperSize="9" scale="59" orientation="portrait" r:id="rId5"/>
    </customSheetView>
  </customSheetViews>
  <mergeCells count="18">
    <mergeCell ref="F14:F15"/>
    <mergeCell ref="C14:E14"/>
    <mergeCell ref="A27:E27"/>
    <mergeCell ref="A28:E28"/>
    <mergeCell ref="A29:E29"/>
    <mergeCell ref="A3:F3"/>
    <mergeCell ref="A4:F4"/>
    <mergeCell ref="A5:F5"/>
    <mergeCell ref="A6:F6"/>
    <mergeCell ref="A7:F7"/>
    <mergeCell ref="A10:A11"/>
    <mergeCell ref="C10:E10"/>
    <mergeCell ref="C11:E11"/>
    <mergeCell ref="C12:E12"/>
    <mergeCell ref="A26:E26"/>
    <mergeCell ref="A14:A16"/>
    <mergeCell ref="A22:A23"/>
    <mergeCell ref="E15:E16"/>
  </mergeCells>
  <printOptions horizontalCentered="1"/>
  <pageMargins left="0.19685039370078741" right="0.19685039370078741" top="0.59055118110236227" bottom="0.19685039370078741" header="0" footer="0"/>
  <pageSetup paperSize="9" scale="61" orientation="portrait" r:id="rId6"/>
  <drawing r:id="rId7"/>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E108"/>
  <sheetViews>
    <sheetView showGridLines="0" workbookViewId="0"/>
  </sheetViews>
  <sheetFormatPr defaultColWidth="7.85546875" defaultRowHeight="11.25" customHeight="1" x14ac:dyDescent="0.2"/>
  <cols>
    <col min="1" max="1" width="15.7109375" style="289" customWidth="1"/>
    <col min="2" max="4" width="26.7109375" style="289" customWidth="1"/>
    <col min="5" max="5" width="32.7109375" style="289" customWidth="1"/>
    <col min="6" max="16384" width="7.85546875" style="289"/>
  </cols>
  <sheetData>
    <row r="1" spans="1:5" ht="11.25" customHeight="1" x14ac:dyDescent="0.2">
      <c r="A1" s="49"/>
    </row>
    <row r="2" spans="1:5" ht="11.25" customHeight="1" x14ac:dyDescent="0.2">
      <c r="A2" s="1166" t="s">
        <v>641</v>
      </c>
      <c r="B2" s="1166"/>
      <c r="C2" s="1166"/>
      <c r="D2" s="1166"/>
      <c r="E2" s="1166"/>
    </row>
    <row r="3" spans="1:5" ht="11.25" customHeight="1" x14ac:dyDescent="0.2">
      <c r="A3" s="1166" t="s">
        <v>105</v>
      </c>
      <c r="B3" s="1166"/>
      <c r="C3" s="1166"/>
      <c r="D3" s="1166"/>
      <c r="E3" s="1166"/>
    </row>
    <row r="4" spans="1:5" ht="11.25" customHeight="1" x14ac:dyDescent="0.2">
      <c r="A4" s="1166" t="s">
        <v>106</v>
      </c>
      <c r="B4" s="1166"/>
      <c r="C4" s="1166"/>
      <c r="D4" s="1166"/>
      <c r="E4" s="1166"/>
    </row>
    <row r="5" spans="1:5" ht="11.25" customHeight="1" x14ac:dyDescent="0.2">
      <c r="A5" s="1166" t="s">
        <v>107</v>
      </c>
      <c r="B5" s="1166"/>
      <c r="C5" s="1166"/>
      <c r="D5" s="1166"/>
      <c r="E5" s="1166"/>
    </row>
    <row r="6" spans="1:5" ht="11.25" customHeight="1" x14ac:dyDescent="0.2">
      <c r="A6" s="1166" t="s">
        <v>881</v>
      </c>
      <c r="B6" s="1166"/>
      <c r="C6" s="1166"/>
      <c r="D6" s="1166"/>
      <c r="E6" s="1166"/>
    </row>
    <row r="8" spans="1:5" ht="11.25" customHeight="1" x14ac:dyDescent="0.2">
      <c r="A8" s="289" t="s">
        <v>906</v>
      </c>
      <c r="B8" s="75"/>
      <c r="C8" s="657"/>
      <c r="E8" s="239">
        <v>1</v>
      </c>
    </row>
    <row r="9" spans="1:5" s="653" customFormat="1" ht="15" customHeight="1" x14ac:dyDescent="0.2">
      <c r="A9" s="961" t="s">
        <v>845</v>
      </c>
      <c r="B9" s="964" t="s">
        <v>907</v>
      </c>
      <c r="C9" s="962"/>
      <c r="D9" s="962"/>
      <c r="E9" s="962"/>
    </row>
    <row r="10" spans="1:5" s="653" customFormat="1" ht="15" customHeight="1" x14ac:dyDescent="0.2">
      <c r="A10" s="951"/>
      <c r="B10" s="642" t="s">
        <v>908</v>
      </c>
      <c r="C10" s="642" t="s">
        <v>160</v>
      </c>
      <c r="D10" s="642" t="s">
        <v>909</v>
      </c>
      <c r="E10" s="644" t="s">
        <v>910</v>
      </c>
    </row>
    <row r="11" spans="1:5" s="653" customFormat="1" ht="15" customHeight="1" x14ac:dyDescent="0.2">
      <c r="A11" s="951"/>
      <c r="B11" s="654" t="s">
        <v>911</v>
      </c>
      <c r="C11" s="654" t="s">
        <v>911</v>
      </c>
      <c r="D11" s="654" t="s">
        <v>912</v>
      </c>
      <c r="E11" s="646" t="s">
        <v>913</v>
      </c>
    </row>
    <row r="12" spans="1:5" s="653" customFormat="1" ht="21" customHeight="1" x14ac:dyDescent="0.2">
      <c r="A12" s="953"/>
      <c r="B12" s="643" t="s">
        <v>116</v>
      </c>
      <c r="C12" s="643" t="s">
        <v>117</v>
      </c>
      <c r="D12" s="643" t="s">
        <v>914</v>
      </c>
      <c r="E12" s="645" t="s">
        <v>915</v>
      </c>
    </row>
    <row r="13" spans="1:5" ht="11.25" customHeight="1" x14ac:dyDescent="0.2">
      <c r="A13" s="655">
        <v>2014</v>
      </c>
      <c r="B13" s="698">
        <v>0</v>
      </c>
      <c r="C13" s="698">
        <v>0</v>
      </c>
      <c r="D13" s="698">
        <v>0</v>
      </c>
      <c r="E13" s="568">
        <v>0</v>
      </c>
    </row>
    <row r="14" spans="1:5" ht="11.25" customHeight="1" x14ac:dyDescent="0.2">
      <c r="A14" s="655">
        <v>2015</v>
      </c>
      <c r="B14" s="698">
        <v>1261362116.0288234</v>
      </c>
      <c r="C14" s="698">
        <v>1805265586.2149999</v>
      </c>
      <c r="D14" s="698">
        <v>-543903470.18617654</v>
      </c>
      <c r="E14" s="568">
        <v>-543903470.18617654</v>
      </c>
    </row>
    <row r="15" spans="1:5" ht="11.25" customHeight="1" x14ac:dyDescent="0.2">
      <c r="A15" s="655">
        <v>2016</v>
      </c>
      <c r="B15" s="698">
        <v>1243445136.4309912</v>
      </c>
      <c r="C15" s="698">
        <v>1962958704.2404625</v>
      </c>
      <c r="D15" s="698">
        <v>-719513567.80947137</v>
      </c>
      <c r="E15" s="568">
        <v>-1263417037.9956479</v>
      </c>
    </row>
    <row r="16" spans="1:5" ht="11.25" customHeight="1" x14ac:dyDescent="0.2">
      <c r="A16" s="655">
        <v>2017</v>
      </c>
      <c r="B16" s="698">
        <v>1223007994.679142</v>
      </c>
      <c r="C16" s="698">
        <v>2167097977.4856195</v>
      </c>
      <c r="D16" s="698">
        <v>-944089982.80647755</v>
      </c>
      <c r="E16" s="568">
        <v>-2207507020.8021255</v>
      </c>
    </row>
    <row r="17" spans="1:5" ht="11.25" customHeight="1" x14ac:dyDescent="0.2">
      <c r="A17" s="655">
        <v>2018</v>
      </c>
      <c r="B17" s="698">
        <v>1207627004.6837671</v>
      </c>
      <c r="C17" s="698">
        <v>2239088521.2024689</v>
      </c>
      <c r="D17" s="698">
        <v>-1031461516.5187018</v>
      </c>
      <c r="E17" s="568">
        <v>-3238968537.3208275</v>
      </c>
    </row>
    <row r="18" spans="1:5" ht="11.25" customHeight="1" x14ac:dyDescent="0.2">
      <c r="A18" s="655">
        <v>2019</v>
      </c>
      <c r="B18" s="698">
        <v>1192569594.8270385</v>
      </c>
      <c r="C18" s="698">
        <v>2294017455.3295741</v>
      </c>
      <c r="D18" s="698">
        <v>-1101447860.5025356</v>
      </c>
      <c r="E18" s="568">
        <v>-4340416397.8233633</v>
      </c>
    </row>
    <row r="19" spans="1:5" ht="11.25" customHeight="1" x14ac:dyDescent="0.2">
      <c r="A19" s="655">
        <v>2020</v>
      </c>
      <c r="B19" s="698">
        <v>1177568850.7605021</v>
      </c>
      <c r="C19" s="698">
        <v>2340045879.9032636</v>
      </c>
      <c r="D19" s="698">
        <v>-1162477029.1427615</v>
      </c>
      <c r="E19" s="568">
        <v>-5502893426.9661245</v>
      </c>
    </row>
    <row r="20" spans="1:5" ht="11.25" customHeight="1" x14ac:dyDescent="0.2">
      <c r="A20" s="655">
        <v>2021</v>
      </c>
      <c r="B20" s="698">
        <v>1162077900.1236682</v>
      </c>
      <c r="C20" s="698">
        <v>2380506874.9202533</v>
      </c>
      <c r="D20" s="698">
        <v>-1218428974.7965851</v>
      </c>
      <c r="E20" s="568">
        <v>-6721322401.7627096</v>
      </c>
    </row>
    <row r="21" spans="1:5" ht="11.25" customHeight="1" x14ac:dyDescent="0.2">
      <c r="A21" s="655">
        <v>2022</v>
      </c>
      <c r="B21" s="698">
        <v>1145962260.8734429</v>
      </c>
      <c r="C21" s="698">
        <v>2419423223.3057418</v>
      </c>
      <c r="D21" s="698">
        <v>-1273460962.4322989</v>
      </c>
      <c r="E21" s="568">
        <v>-7994783364.1950083</v>
      </c>
    </row>
    <row r="22" spans="1:5" ht="11.25" customHeight="1" x14ac:dyDescent="0.2">
      <c r="A22" s="655">
        <v>2023</v>
      </c>
      <c r="B22" s="698">
        <v>1129608019.5620439</v>
      </c>
      <c r="C22" s="698">
        <v>2453489018.7804441</v>
      </c>
      <c r="D22" s="698">
        <v>-1323880999.2184002</v>
      </c>
      <c r="E22" s="568">
        <v>-9318664363.4134083</v>
      </c>
    </row>
    <row r="23" spans="1:5" ht="11.25" customHeight="1" x14ac:dyDescent="0.2">
      <c r="A23" s="655">
        <v>2024</v>
      </c>
      <c r="B23" s="698">
        <v>1113026196.3672004</v>
      </c>
      <c r="C23" s="698">
        <v>2482251076.5628066</v>
      </c>
      <c r="D23" s="698">
        <v>-1369224880.1956062</v>
      </c>
      <c r="E23" s="568">
        <v>-10687889243.609015</v>
      </c>
    </row>
    <row r="24" spans="1:5" ht="11.25" customHeight="1" x14ac:dyDescent="0.2">
      <c r="A24" s="655">
        <v>2025</v>
      </c>
      <c r="B24" s="698">
        <v>1095701022.9385226</v>
      </c>
      <c r="C24" s="698">
        <v>2510480333.4954557</v>
      </c>
      <c r="D24" s="698">
        <v>-1414779310.5569332</v>
      </c>
      <c r="E24" s="568">
        <v>-12102668554.165947</v>
      </c>
    </row>
    <row r="25" spans="1:5" ht="11.25" customHeight="1" x14ac:dyDescent="0.2">
      <c r="A25" s="655">
        <v>2026</v>
      </c>
      <c r="B25" s="698">
        <v>1077811966.7656989</v>
      </c>
      <c r="C25" s="698">
        <v>2533812340.9655194</v>
      </c>
      <c r="D25" s="698">
        <v>-1456000374.1998205</v>
      </c>
      <c r="E25" s="568">
        <v>-13558668928.365768</v>
      </c>
    </row>
    <row r="26" spans="1:5" ht="11.25" customHeight="1" x14ac:dyDescent="0.2">
      <c r="A26" s="655">
        <v>2027</v>
      </c>
      <c r="B26" s="698">
        <v>1058567250.5402503</v>
      </c>
      <c r="C26" s="698">
        <v>2563152764.5444984</v>
      </c>
      <c r="D26" s="698">
        <v>-1504585514.0042481</v>
      </c>
      <c r="E26" s="568">
        <v>-15063254442.370016</v>
      </c>
    </row>
    <row r="27" spans="1:5" ht="11.25" customHeight="1" x14ac:dyDescent="0.2">
      <c r="A27" s="655">
        <v>2028</v>
      </c>
      <c r="B27" s="698">
        <v>1039022049.6815395</v>
      </c>
      <c r="C27" s="698">
        <v>2586288150.4106307</v>
      </c>
      <c r="D27" s="698">
        <v>-1547266100.7290912</v>
      </c>
      <c r="E27" s="568">
        <v>-16610520543.099108</v>
      </c>
    </row>
    <row r="28" spans="1:5" ht="11.25" customHeight="1" x14ac:dyDescent="0.2">
      <c r="A28" s="655">
        <v>2029</v>
      </c>
      <c r="B28" s="698">
        <v>1019355578.2290008</v>
      </c>
      <c r="C28" s="698">
        <v>2601331842.3230557</v>
      </c>
      <c r="D28" s="698">
        <v>-1581976264.0940549</v>
      </c>
      <c r="E28" s="568">
        <v>-18192496807.193161</v>
      </c>
    </row>
    <row r="29" spans="1:5" ht="11.25" customHeight="1" x14ac:dyDescent="0.2">
      <c r="A29" s="655">
        <v>2030</v>
      </c>
      <c r="B29" s="698">
        <v>998664708.24744344</v>
      </c>
      <c r="C29" s="698">
        <v>2615712893.8832278</v>
      </c>
      <c r="D29" s="698">
        <v>-1617048185.6357844</v>
      </c>
      <c r="E29" s="568">
        <v>-19809544992.828945</v>
      </c>
    </row>
    <row r="30" spans="1:5" ht="11.25" customHeight="1" x14ac:dyDescent="0.2">
      <c r="A30" s="655">
        <v>2031</v>
      </c>
      <c r="B30" s="698">
        <v>977904115.62320638</v>
      </c>
      <c r="C30" s="698">
        <v>2620064888.2345438</v>
      </c>
      <c r="D30" s="698">
        <v>-1642160772.6113374</v>
      </c>
      <c r="E30" s="568">
        <v>-21451705765.440281</v>
      </c>
    </row>
    <row r="31" spans="1:5" ht="11.25" customHeight="1" x14ac:dyDescent="0.2">
      <c r="A31" s="655">
        <v>2032</v>
      </c>
      <c r="B31" s="698">
        <v>956821712.47941971</v>
      </c>
      <c r="C31" s="698">
        <v>2612911412.0917845</v>
      </c>
      <c r="D31" s="698">
        <v>-1656089699.6123648</v>
      </c>
      <c r="E31" s="568">
        <v>-23107795465.052647</v>
      </c>
    </row>
    <row r="32" spans="1:5" ht="11.25" customHeight="1" x14ac:dyDescent="0.2">
      <c r="A32" s="655">
        <v>2033</v>
      </c>
      <c r="B32" s="698">
        <v>934685163.83325028</v>
      </c>
      <c r="C32" s="698">
        <v>2614279424.7700453</v>
      </c>
      <c r="D32" s="698">
        <v>-1679594260.936795</v>
      </c>
      <c r="E32" s="568">
        <v>-24787389725.989441</v>
      </c>
    </row>
    <row r="33" spans="1:5" ht="11.25" customHeight="1" x14ac:dyDescent="0.2">
      <c r="A33" s="655">
        <v>2034</v>
      </c>
      <c r="B33" s="698">
        <v>912388135.3225764</v>
      </c>
      <c r="C33" s="698">
        <v>2604419916.9190211</v>
      </c>
      <c r="D33" s="698">
        <v>-1692031781.5964446</v>
      </c>
      <c r="E33" s="568">
        <v>-26479421507.585884</v>
      </c>
    </row>
    <row r="34" spans="1:5" ht="11.25" customHeight="1" x14ac:dyDescent="0.2">
      <c r="A34" s="655">
        <v>2035</v>
      </c>
      <c r="B34" s="698">
        <v>889309918.73159254</v>
      </c>
      <c r="C34" s="698">
        <v>2594119308.6331153</v>
      </c>
      <c r="D34" s="698">
        <v>-1704809389.9015226</v>
      </c>
      <c r="E34" s="568">
        <v>-28184230897.487408</v>
      </c>
    </row>
    <row r="35" spans="1:5" ht="11.25" customHeight="1" x14ac:dyDescent="0.2">
      <c r="A35" s="655">
        <v>2036</v>
      </c>
      <c r="B35" s="698">
        <v>865680540.47153068</v>
      </c>
      <c r="C35" s="698">
        <v>2579119877.1142693</v>
      </c>
      <c r="D35" s="698">
        <v>-1713439336.6427386</v>
      </c>
      <c r="E35" s="568">
        <v>-29897670234.130146</v>
      </c>
    </row>
    <row r="36" spans="1:5" ht="11.25" customHeight="1" x14ac:dyDescent="0.2">
      <c r="A36" s="655">
        <v>2037</v>
      </c>
      <c r="B36" s="698">
        <v>841396588.40404391</v>
      </c>
      <c r="C36" s="698">
        <v>2559446457.5113077</v>
      </c>
      <c r="D36" s="698">
        <v>-1718049869.1072638</v>
      </c>
      <c r="E36" s="568">
        <v>-31615720103.237411</v>
      </c>
    </row>
    <row r="37" spans="1:5" ht="11.25" customHeight="1" x14ac:dyDescent="0.2">
      <c r="A37" s="655">
        <v>2038</v>
      </c>
      <c r="B37" s="698">
        <v>816884030.33948898</v>
      </c>
      <c r="C37" s="698">
        <v>2534119521.1730938</v>
      </c>
      <c r="D37" s="698">
        <v>-1717235490.8336048</v>
      </c>
      <c r="E37" s="568">
        <v>-33332955594.071014</v>
      </c>
    </row>
    <row r="38" spans="1:5" ht="11.25" customHeight="1" x14ac:dyDescent="0.2">
      <c r="A38" s="655">
        <v>2039</v>
      </c>
      <c r="B38" s="698">
        <v>791659364.5508014</v>
      </c>
      <c r="C38" s="698">
        <v>2509508903.5056624</v>
      </c>
      <c r="D38" s="698">
        <v>-1717849538.9548612</v>
      </c>
      <c r="E38" s="568">
        <v>-35050805133.025879</v>
      </c>
    </row>
    <row r="39" spans="1:5" ht="11.25" customHeight="1" x14ac:dyDescent="0.2">
      <c r="A39" s="655">
        <v>2040</v>
      </c>
      <c r="B39" s="698">
        <v>766080198.79421687</v>
      </c>
      <c r="C39" s="698">
        <v>2479218222.3112488</v>
      </c>
      <c r="D39" s="698">
        <v>-1713138023.5170319</v>
      </c>
      <c r="E39" s="568">
        <v>-36763943156.542908</v>
      </c>
    </row>
    <row r="40" spans="1:5" ht="11.25" customHeight="1" x14ac:dyDescent="0.2">
      <c r="A40" s="655">
        <v>2041</v>
      </c>
      <c r="B40" s="698">
        <v>740420292.29975641</v>
      </c>
      <c r="C40" s="698">
        <v>2438587582.7856359</v>
      </c>
      <c r="D40" s="698">
        <v>-1698167290.4858794</v>
      </c>
      <c r="E40" s="568">
        <v>-38462110447.028786</v>
      </c>
    </row>
    <row r="41" spans="1:5" ht="11.25" customHeight="1" x14ac:dyDescent="0.2">
      <c r="A41" s="655">
        <v>2042</v>
      </c>
      <c r="B41" s="698">
        <v>714835684.52590156</v>
      </c>
      <c r="C41" s="698">
        <v>2384316735.2913594</v>
      </c>
      <c r="D41" s="698">
        <v>-1669481050.7654579</v>
      </c>
      <c r="E41" s="568">
        <v>-40131591497.794243</v>
      </c>
    </row>
    <row r="42" spans="1:5" ht="11.25" customHeight="1" x14ac:dyDescent="0.2">
      <c r="A42" s="655">
        <v>2043</v>
      </c>
      <c r="B42" s="698">
        <v>688969940.82327485</v>
      </c>
      <c r="C42" s="698">
        <v>2325981838.0757766</v>
      </c>
      <c r="D42" s="698">
        <v>-1637011897.2525017</v>
      </c>
      <c r="E42" s="568">
        <v>-41768603395.046745</v>
      </c>
    </row>
    <row r="43" spans="1:5" ht="11.25" customHeight="1" x14ac:dyDescent="0.2">
      <c r="A43" s="655">
        <v>2044</v>
      </c>
      <c r="B43" s="698">
        <v>662804246.44883204</v>
      </c>
      <c r="C43" s="698">
        <v>2265183324.3287625</v>
      </c>
      <c r="D43" s="698">
        <v>-1602379077.8799305</v>
      </c>
      <c r="E43" s="568">
        <v>-43370982472.926674</v>
      </c>
    </row>
    <row r="44" spans="1:5" ht="11.25" customHeight="1" x14ac:dyDescent="0.2">
      <c r="A44" s="655">
        <v>2045</v>
      </c>
      <c r="B44" s="698">
        <v>636746758.32552505</v>
      </c>
      <c r="C44" s="698">
        <v>2194263026.711925</v>
      </c>
      <c r="D44" s="698">
        <v>-1557516268.3864</v>
      </c>
      <c r="E44" s="568">
        <v>-44928498741.313072</v>
      </c>
    </row>
    <row r="45" spans="1:5" ht="11.25" customHeight="1" x14ac:dyDescent="0.2">
      <c r="A45" s="655">
        <v>2046</v>
      </c>
      <c r="B45" s="698">
        <v>610689769.04583919</v>
      </c>
      <c r="C45" s="698">
        <v>2117462489.3881881</v>
      </c>
      <c r="D45" s="698">
        <v>-1506772720.3423491</v>
      </c>
      <c r="E45" s="568">
        <v>-46435271461.655418</v>
      </c>
    </row>
    <row r="46" spans="1:5" ht="11.25" customHeight="1" x14ac:dyDescent="0.2">
      <c r="A46" s="655">
        <v>2047</v>
      </c>
      <c r="B46" s="698">
        <v>584609253.73394346</v>
      </c>
      <c r="C46" s="698">
        <v>2036413994.1951811</v>
      </c>
      <c r="D46" s="698">
        <v>-1451804740.4612377</v>
      </c>
      <c r="E46" s="568">
        <v>-47887076202.116653</v>
      </c>
    </row>
    <row r="47" spans="1:5" ht="11.25" customHeight="1" x14ac:dyDescent="0.2">
      <c r="A47" s="655">
        <v>2048</v>
      </c>
      <c r="B47" s="698">
        <v>558479349.19228399</v>
      </c>
      <c r="C47" s="698">
        <v>1953631987.4969625</v>
      </c>
      <c r="D47" s="698">
        <v>-1395152638.3046784</v>
      </c>
      <c r="E47" s="568">
        <v>-49282228840.421333</v>
      </c>
    </row>
    <row r="48" spans="1:5" ht="11.25" customHeight="1" x14ac:dyDescent="0.2">
      <c r="A48" s="655">
        <v>2049</v>
      </c>
      <c r="B48" s="698">
        <v>532424897.94489521</v>
      </c>
      <c r="C48" s="698">
        <v>1868298941.4374592</v>
      </c>
      <c r="D48" s="698">
        <v>-1335874043.492564</v>
      </c>
      <c r="E48" s="568">
        <v>-50618102883.913895</v>
      </c>
    </row>
    <row r="49" spans="1:5" ht="11.25" customHeight="1" x14ac:dyDescent="0.2">
      <c r="A49" s="655">
        <v>2050</v>
      </c>
      <c r="B49" s="698">
        <v>506477622.52647269</v>
      </c>
      <c r="C49" s="698">
        <v>1781272882.1672688</v>
      </c>
      <c r="D49" s="698">
        <v>-1274795259.6407962</v>
      </c>
      <c r="E49" s="568">
        <v>-51892898143.554687</v>
      </c>
    </row>
    <row r="50" spans="1:5" ht="11.25" customHeight="1" x14ac:dyDescent="0.2">
      <c r="A50" s="655">
        <v>2051</v>
      </c>
      <c r="B50" s="698">
        <v>480702573.50593126</v>
      </c>
      <c r="C50" s="698">
        <v>1693008202.3446312</v>
      </c>
      <c r="D50" s="698">
        <v>-1212305628.8386998</v>
      </c>
      <c r="E50" s="568">
        <v>-53105203772.393387</v>
      </c>
    </row>
    <row r="51" spans="1:5" ht="11.25" customHeight="1" x14ac:dyDescent="0.2">
      <c r="A51" s="655">
        <v>2052</v>
      </c>
      <c r="B51" s="698">
        <v>455165598.73644787</v>
      </c>
      <c r="C51" s="698">
        <v>1603979902.3516939</v>
      </c>
      <c r="D51" s="698">
        <v>-1148814303.6152461</v>
      </c>
      <c r="E51" s="568">
        <v>-54254018076.008636</v>
      </c>
    </row>
    <row r="52" spans="1:5" ht="11.25" customHeight="1" x14ac:dyDescent="0.2">
      <c r="A52" s="655">
        <v>2053</v>
      </c>
      <c r="B52" s="698">
        <v>429935330.43163693</v>
      </c>
      <c r="C52" s="698">
        <v>1514498947.3150876</v>
      </c>
      <c r="D52" s="698">
        <v>-1084563616.8834505</v>
      </c>
      <c r="E52" s="568">
        <v>-55338581692.89209</v>
      </c>
    </row>
    <row r="53" spans="1:5" ht="11.25" customHeight="1" x14ac:dyDescent="0.2">
      <c r="A53" s="655">
        <v>2054</v>
      </c>
      <c r="B53" s="698">
        <v>405027350.86326122</v>
      </c>
      <c r="C53" s="698">
        <v>1426004449.1168938</v>
      </c>
      <c r="D53" s="698">
        <v>-1020977098.2536325</v>
      </c>
      <c r="E53" s="568">
        <v>-56359558791.145721</v>
      </c>
    </row>
    <row r="54" spans="1:5" ht="11.25" customHeight="1" x14ac:dyDescent="0.2">
      <c r="A54" s="655">
        <v>2055</v>
      </c>
      <c r="B54" s="698">
        <v>380521573.38656741</v>
      </c>
      <c r="C54" s="698">
        <v>1338464785.2057626</v>
      </c>
      <c r="D54" s="698">
        <v>-957943211.81919527</v>
      </c>
      <c r="E54" s="568">
        <v>-57317502002.96492</v>
      </c>
    </row>
    <row r="55" spans="1:5" ht="11.25" customHeight="1" x14ac:dyDescent="0.2">
      <c r="A55" s="655">
        <v>2056</v>
      </c>
      <c r="B55" s="698">
        <v>356472797.05603993</v>
      </c>
      <c r="C55" s="698">
        <v>1252612956.6684906</v>
      </c>
      <c r="D55" s="698">
        <v>-896140159.61245072</v>
      </c>
      <c r="E55" s="568">
        <v>-58213642162.57737</v>
      </c>
    </row>
    <row r="56" spans="1:5" ht="11.25" customHeight="1" x14ac:dyDescent="0.2">
      <c r="A56" s="655">
        <v>2057</v>
      </c>
      <c r="B56" s="698">
        <v>332948258.87427795</v>
      </c>
      <c r="C56" s="698">
        <v>1168839987.4023437</v>
      </c>
      <c r="D56" s="698">
        <v>-835891728.5280658</v>
      </c>
      <c r="E56" s="568">
        <v>-59049533891.105438</v>
      </c>
    </row>
    <row r="57" spans="1:5" ht="11.25" customHeight="1" x14ac:dyDescent="0.2">
      <c r="A57" s="655">
        <v>2058</v>
      </c>
      <c r="B57" s="698">
        <v>310005861.46506941</v>
      </c>
      <c r="C57" s="698">
        <v>1087345033.5820312</v>
      </c>
      <c r="D57" s="698">
        <v>-777339172.11696184</v>
      </c>
      <c r="E57" s="568">
        <v>-59826873063.222397</v>
      </c>
    </row>
    <row r="58" spans="1:5" ht="11.25" customHeight="1" x14ac:dyDescent="0.2">
      <c r="A58" s="655">
        <v>2059</v>
      </c>
      <c r="B58" s="698">
        <v>287721594.2662499</v>
      </c>
      <c r="C58" s="698">
        <v>1008389247.6835937</v>
      </c>
      <c r="D58" s="698">
        <v>-720667653.41734385</v>
      </c>
      <c r="E58" s="568">
        <v>-60547540716.63974</v>
      </c>
    </row>
    <row r="59" spans="1:5" ht="11.25" customHeight="1" x14ac:dyDescent="0.2">
      <c r="A59" s="655">
        <v>2060</v>
      </c>
      <c r="B59" s="698">
        <v>266143980.06101498</v>
      </c>
      <c r="C59" s="698">
        <v>932115294.09375024</v>
      </c>
      <c r="D59" s="698">
        <v>-665971314.03273523</v>
      </c>
      <c r="E59" s="568">
        <v>-61213512030.672478</v>
      </c>
    </row>
    <row r="60" spans="1:5" ht="11.25" customHeight="1" x14ac:dyDescent="0.2">
      <c r="A60" s="655">
        <v>2061</v>
      </c>
      <c r="B60" s="698">
        <v>245332505.97774512</v>
      </c>
      <c r="C60" s="698">
        <v>858713054.9765625</v>
      </c>
      <c r="D60" s="698">
        <v>-613380548.99881744</v>
      </c>
      <c r="E60" s="568">
        <v>-61826892579.671295</v>
      </c>
    </row>
    <row r="61" spans="1:5" ht="11.25" customHeight="1" x14ac:dyDescent="0.2">
      <c r="A61" s="655">
        <v>2062</v>
      </c>
      <c r="B61" s="698">
        <v>225333109.87809819</v>
      </c>
      <c r="C61" s="698">
        <v>788323812.19921875</v>
      </c>
      <c r="D61" s="698">
        <v>-562990702.3211205</v>
      </c>
      <c r="E61" s="568">
        <v>-62389883281.992416</v>
      </c>
    </row>
    <row r="62" spans="1:5" ht="11.25" customHeight="1" x14ac:dyDescent="0.2">
      <c r="A62" s="655">
        <v>2063</v>
      </c>
      <c r="B62" s="698">
        <v>206187043.0917877</v>
      </c>
      <c r="C62" s="698">
        <v>721064911.125</v>
      </c>
      <c r="D62" s="698">
        <v>-514877868.0332123</v>
      </c>
      <c r="E62" s="568">
        <v>-62904761150.025627</v>
      </c>
    </row>
    <row r="63" spans="1:5" ht="11.25" customHeight="1" x14ac:dyDescent="0.2">
      <c r="A63" s="655">
        <v>2064</v>
      </c>
      <c r="B63" s="698">
        <v>187926451.64226753</v>
      </c>
      <c r="C63" s="698">
        <v>657029776.8125</v>
      </c>
      <c r="D63" s="698">
        <v>-469103325.17023247</v>
      </c>
      <c r="E63" s="568">
        <v>-63373864475.195862</v>
      </c>
    </row>
    <row r="64" spans="1:5" ht="11.25" customHeight="1" x14ac:dyDescent="0.2">
      <c r="A64" s="655">
        <v>2065</v>
      </c>
      <c r="B64" s="698">
        <v>170576946.71907741</v>
      </c>
      <c r="C64" s="698">
        <v>596290111.015625</v>
      </c>
      <c r="D64" s="698">
        <v>-425713164.29654759</v>
      </c>
      <c r="E64" s="568">
        <v>-63799577639.492409</v>
      </c>
    </row>
    <row r="65" spans="1:5" ht="11.25" customHeight="1" x14ac:dyDescent="0.2">
      <c r="A65" s="655">
        <v>2066</v>
      </c>
      <c r="B65" s="698">
        <v>154163246.87820578</v>
      </c>
      <c r="C65" s="698">
        <v>538902801.328125</v>
      </c>
      <c r="D65" s="698">
        <v>-384739554.44991922</v>
      </c>
      <c r="E65" s="568">
        <v>-64184317193.942329</v>
      </c>
    </row>
    <row r="66" spans="1:5" ht="11.25" customHeight="1" x14ac:dyDescent="0.2">
      <c r="A66" s="655">
        <v>2067</v>
      </c>
      <c r="B66" s="698">
        <v>138706156.6459291</v>
      </c>
      <c r="C66" s="698">
        <v>484927669.890625</v>
      </c>
      <c r="D66" s="698">
        <v>-346221513.2446959</v>
      </c>
      <c r="E66" s="568">
        <v>-64530538707.187027</v>
      </c>
    </row>
    <row r="67" spans="1:5" ht="11.25" customHeight="1" x14ac:dyDescent="0.2">
      <c r="A67" s="655">
        <v>2068</v>
      </c>
      <c r="B67" s="698">
        <v>124215010.86057653</v>
      </c>
      <c r="C67" s="698">
        <v>434378743.8046875</v>
      </c>
      <c r="D67" s="698">
        <v>-310163732.94411099</v>
      </c>
      <c r="E67" s="568">
        <v>-64840702440.131142</v>
      </c>
    </row>
    <row r="68" spans="1:5" ht="11.25" customHeight="1" x14ac:dyDescent="0.2">
      <c r="A68" s="655">
        <v>2069</v>
      </c>
      <c r="B68" s="698">
        <v>110692751.45161064</v>
      </c>
      <c r="C68" s="698">
        <v>387248887.390625</v>
      </c>
      <c r="D68" s="698">
        <v>-276556135.93901438</v>
      </c>
      <c r="E68" s="568">
        <v>-65117258576.070152</v>
      </c>
    </row>
    <row r="69" spans="1:5" ht="11.25" customHeight="1" x14ac:dyDescent="0.2">
      <c r="A69" s="655">
        <v>2070</v>
      </c>
      <c r="B69" s="698">
        <v>98127933.010367468</v>
      </c>
      <c r="C69" s="698">
        <v>343485817.59375</v>
      </c>
      <c r="D69" s="698">
        <v>-245357884.58338255</v>
      </c>
      <c r="E69" s="568">
        <v>-65362616460.653534</v>
      </c>
    </row>
    <row r="70" spans="1:5" ht="11.25" customHeight="1" x14ac:dyDescent="0.2">
      <c r="A70" s="655">
        <v>2071</v>
      </c>
      <c r="B70" s="698">
        <v>86501814.127473697</v>
      </c>
      <c r="C70" s="698">
        <v>303012512.0546875</v>
      </c>
      <c r="D70" s="698">
        <v>-216510697.92721379</v>
      </c>
      <c r="E70" s="568">
        <v>-65579127158.58075</v>
      </c>
    </row>
    <row r="71" spans="1:5" ht="11.25" customHeight="1" x14ac:dyDescent="0.2">
      <c r="A71" s="655">
        <v>2072</v>
      </c>
      <c r="B71" s="698">
        <v>75785069.49088636</v>
      </c>
      <c r="C71" s="698">
        <v>265715847.26171875</v>
      </c>
      <c r="D71" s="698">
        <v>-189930777.77083239</v>
      </c>
      <c r="E71" s="568">
        <v>-65769057936.351585</v>
      </c>
    </row>
    <row r="72" spans="1:5" ht="11.25" customHeight="1" x14ac:dyDescent="0.2">
      <c r="A72" s="655">
        <v>2073</v>
      </c>
      <c r="B72" s="698">
        <v>65944522.745346703</v>
      </c>
      <c r="C72" s="698">
        <v>231476534.02148437</v>
      </c>
      <c r="D72" s="698">
        <v>-165532011.27613768</v>
      </c>
      <c r="E72" s="568">
        <v>-65934589947.627724</v>
      </c>
    </row>
    <row r="73" spans="1:5" ht="11.25" customHeight="1" x14ac:dyDescent="0.2">
      <c r="A73" s="655">
        <v>2074</v>
      </c>
      <c r="B73" s="698">
        <v>56947809.269028924</v>
      </c>
      <c r="C73" s="698">
        <v>200174109.63671875</v>
      </c>
      <c r="D73" s="698">
        <v>-143226300.36768982</v>
      </c>
      <c r="E73" s="568">
        <v>-66077816247.995415</v>
      </c>
    </row>
    <row r="74" spans="1:5" ht="11.25" customHeight="1" x14ac:dyDescent="0.2">
      <c r="A74" s="655">
        <v>2075</v>
      </c>
      <c r="B74" s="698">
        <v>48763330.779499859</v>
      </c>
      <c r="C74" s="698">
        <v>171694946.36328125</v>
      </c>
      <c r="D74" s="698">
        <v>-122931615.58378139</v>
      </c>
      <c r="E74" s="568">
        <v>-66200747863.579193</v>
      </c>
    </row>
    <row r="75" spans="1:5" ht="11.25" customHeight="1" x14ac:dyDescent="0.2">
      <c r="A75" s="655">
        <v>2076</v>
      </c>
      <c r="B75" s="698">
        <v>41367056.594743133</v>
      </c>
      <c r="C75" s="698">
        <v>145951085.55371094</v>
      </c>
      <c r="D75" s="698">
        <v>-104584028.9589678</v>
      </c>
      <c r="E75" s="568">
        <v>-66305331892.538162</v>
      </c>
    </row>
    <row r="76" spans="1:5" ht="11.25" customHeight="1" x14ac:dyDescent="0.2">
      <c r="A76" s="655">
        <v>2077</v>
      </c>
      <c r="B76" s="698">
        <v>34737395.958832875</v>
      </c>
      <c r="C76" s="698">
        <v>122864491.86425781</v>
      </c>
      <c r="D76" s="698">
        <v>-88127095.905424938</v>
      </c>
      <c r="E76" s="568">
        <v>-66393458988.443588</v>
      </c>
    </row>
    <row r="77" spans="1:5" ht="11.25" customHeight="1" x14ac:dyDescent="0.2">
      <c r="A77" s="655">
        <v>2078</v>
      </c>
      <c r="B77" s="698">
        <v>28851258.252753913</v>
      </c>
      <c r="C77" s="698">
        <v>102354264.390625</v>
      </c>
      <c r="D77" s="698">
        <v>-73503006.137871087</v>
      </c>
      <c r="E77" s="568">
        <v>-66466961994.581459</v>
      </c>
    </row>
    <row r="78" spans="1:5" ht="11.25" customHeight="1" x14ac:dyDescent="0.2">
      <c r="A78" s="655">
        <v>2079</v>
      </c>
      <c r="B78" s="698">
        <v>23680627.103393476</v>
      </c>
      <c r="C78" s="698">
        <v>84319424.204589844</v>
      </c>
      <c r="D78" s="698">
        <v>-60638797.101196364</v>
      </c>
      <c r="E78" s="568">
        <v>-66527600791.682655</v>
      </c>
    </row>
    <row r="79" spans="1:5" ht="11.25" customHeight="1" x14ac:dyDescent="0.2">
      <c r="A79" s="655">
        <v>2080</v>
      </c>
      <c r="B79" s="698">
        <v>19195479.559799999</v>
      </c>
      <c r="C79" s="698">
        <v>68656607.988769531</v>
      </c>
      <c r="D79" s="698">
        <v>-49461128.428969532</v>
      </c>
      <c r="E79" s="568">
        <v>-66577061920.111626</v>
      </c>
    </row>
    <row r="80" spans="1:5" ht="11.25" customHeight="1" x14ac:dyDescent="0.2">
      <c r="A80" s="655">
        <v>2081</v>
      </c>
      <c r="B80" s="698">
        <v>4311837.1071663499</v>
      </c>
      <c r="C80" s="698">
        <v>55244387.100830078</v>
      </c>
      <c r="D80" s="698">
        <v>-50932549.993663728</v>
      </c>
      <c r="E80" s="568">
        <v>-66627994470.105286</v>
      </c>
    </row>
    <row r="81" spans="1:5" ht="11.25" customHeight="1" x14ac:dyDescent="0.2">
      <c r="A81" s="655">
        <v>2082</v>
      </c>
      <c r="B81" s="698">
        <v>3347155.4398145229</v>
      </c>
      <c r="C81" s="698">
        <v>43939307.542114258</v>
      </c>
      <c r="D81" s="698">
        <v>-40592152.102299735</v>
      </c>
      <c r="E81" s="568">
        <v>-66668586622.207588</v>
      </c>
    </row>
    <row r="82" spans="1:5" ht="11.25" customHeight="1" x14ac:dyDescent="0.2">
      <c r="A82" s="655">
        <v>2083</v>
      </c>
      <c r="B82" s="698">
        <v>2554307.0968261659</v>
      </c>
      <c r="C82" s="698">
        <v>34567459.11328125</v>
      </c>
      <c r="D82" s="698">
        <v>-32013152.016455084</v>
      </c>
      <c r="E82" s="568">
        <v>-66700599774.224045</v>
      </c>
    </row>
    <row r="83" spans="1:5" ht="11.25" customHeight="1" x14ac:dyDescent="0.2">
      <c r="A83" s="655">
        <v>2084</v>
      </c>
      <c r="B83" s="698">
        <v>1915248.2525829524</v>
      </c>
      <c r="C83" s="698">
        <v>26929183.998596191</v>
      </c>
      <c r="D83" s="698">
        <v>-25013935.746013239</v>
      </c>
      <c r="E83" s="568">
        <v>-66725613709.970055</v>
      </c>
    </row>
    <row r="84" spans="1:5" ht="11.25" customHeight="1" x14ac:dyDescent="0.2">
      <c r="A84" s="655">
        <v>2085</v>
      </c>
      <c r="B84" s="698">
        <v>1410372.8821834773</v>
      </c>
      <c r="C84" s="698">
        <v>20808005.243530273</v>
      </c>
      <c r="D84" s="698">
        <v>-19397632.361346796</v>
      </c>
      <c r="E84" s="568">
        <v>-66745011342.331398</v>
      </c>
    </row>
    <row r="85" spans="1:5" ht="11.25" customHeight="1" x14ac:dyDescent="0.2">
      <c r="A85" s="695">
        <v>2086</v>
      </c>
      <c r="B85" s="698">
        <v>1019964.3275158256</v>
      </c>
      <c r="C85" s="698">
        <v>15985960.43963623</v>
      </c>
      <c r="D85" s="698">
        <v>-14965996.112120405</v>
      </c>
      <c r="E85" s="568">
        <v>-66759977338.44352</v>
      </c>
    </row>
    <row r="86" spans="1:5" ht="11.25" customHeight="1" x14ac:dyDescent="0.2">
      <c r="A86" s="695">
        <v>2087</v>
      </c>
      <c r="B86" s="698">
        <v>725169.11901725829</v>
      </c>
      <c r="C86" s="698">
        <v>12254196.589759827</v>
      </c>
      <c r="D86" s="698">
        <v>-11529027.470742568</v>
      </c>
      <c r="E86" s="568">
        <v>-66771506365.914261</v>
      </c>
    </row>
    <row r="87" spans="1:5" ht="11.25" customHeight="1" x14ac:dyDescent="0.2">
      <c r="A87" s="696">
        <v>2088</v>
      </c>
      <c r="B87" s="699">
        <v>508288.50447666645</v>
      </c>
      <c r="C87" s="699">
        <v>9416216.3487892151</v>
      </c>
      <c r="D87" s="699">
        <v>-8907927.8443125486</v>
      </c>
      <c r="E87" s="571">
        <v>-66780414293.758575</v>
      </c>
    </row>
    <row r="88" spans="1:5" ht="11.25" customHeight="1" x14ac:dyDescent="0.2">
      <c r="A88" s="289" t="s">
        <v>916</v>
      </c>
      <c r="E88" s="697"/>
    </row>
    <row r="89" spans="1:5" s="93" customFormat="1" ht="11.25" customHeight="1" x14ac:dyDescent="0.2">
      <c r="A89" s="299"/>
    </row>
    <row r="90" spans="1:5" s="93" customFormat="1" ht="11.25" customHeight="1" x14ac:dyDescent="0.2">
      <c r="A90" s="299"/>
    </row>
    <row r="91" spans="1:5" s="93" customFormat="1" ht="11.25" customHeight="1" x14ac:dyDescent="0.2">
      <c r="A91" s="299"/>
    </row>
    <row r="92" spans="1:5" s="93" customFormat="1" ht="11.25" customHeight="1" x14ac:dyDescent="0.2">
      <c r="A92" s="299"/>
    </row>
    <row r="93" spans="1:5" s="50" customFormat="1" ht="11.25" customHeight="1" x14ac:dyDescent="0.2"/>
    <row r="94" spans="1:5" s="50" customFormat="1" ht="11.25" customHeight="1" x14ac:dyDescent="0.2"/>
    <row r="95" spans="1:5" s="50" customFormat="1" ht="11.25" customHeight="1" x14ac:dyDescent="0.2"/>
    <row r="96" spans="1:5" s="50" customFormat="1" ht="11.25" customHeight="1" x14ac:dyDescent="0.2"/>
    <row r="97" spans="1:1" s="50" customFormat="1" ht="11.25" customHeight="1" x14ac:dyDescent="0.2"/>
    <row r="98" spans="1:1" s="50" customFormat="1" ht="11.25" customHeight="1" x14ac:dyDescent="0.2"/>
    <row r="99" spans="1:1" s="50" customFormat="1" ht="11.25" customHeight="1" x14ac:dyDescent="0.2"/>
    <row r="100" spans="1:1" s="93" customFormat="1" ht="11.25" customHeight="1" x14ac:dyDescent="0.2">
      <c r="A100" s="299"/>
    </row>
    <row r="101" spans="1:1" s="93" customFormat="1" ht="11.25" customHeight="1" x14ac:dyDescent="0.2">
      <c r="A101" s="299"/>
    </row>
    <row r="102" spans="1:1" s="93" customFormat="1" ht="11.25" customHeight="1" x14ac:dyDescent="0.2">
      <c r="A102" s="299"/>
    </row>
    <row r="103" spans="1:1" s="93" customFormat="1" ht="11.25" customHeight="1" x14ac:dyDescent="0.2">
      <c r="A103" s="299"/>
    </row>
    <row r="104" spans="1:1" s="93" customFormat="1" ht="11.25" customHeight="1" x14ac:dyDescent="0.2">
      <c r="A104" s="299"/>
    </row>
    <row r="105" spans="1:1" s="93" customFormat="1" ht="11.25" customHeight="1" x14ac:dyDescent="0.2">
      <c r="A105" s="299"/>
    </row>
    <row r="106" spans="1:1" s="93" customFormat="1" ht="11.25" customHeight="1" x14ac:dyDescent="0.2">
      <c r="A106" s="299"/>
    </row>
    <row r="107" spans="1:1" s="666" customFormat="1" ht="10.5" x14ac:dyDescent="0.15">
      <c r="A107" s="663"/>
    </row>
    <row r="108" spans="1:1" s="666" customFormat="1" ht="10.5" x14ac:dyDescent="0.15">
      <c r="A108" s="663"/>
    </row>
  </sheetData>
  <customSheetViews>
    <customSheetView guid="{6DBFA32C-4AA4-4E1D-9A48-697377C64CC3}" showPageBreaks="1" showGridLines="0" fitToPage="1" printArea="1">
      <selection activeCell="M99" sqref="M99"/>
      <pageMargins left="0.19685039370078741" right="0.19685039370078741" top="0.19685039370078741" bottom="0.19685039370078741" header="0" footer="0"/>
      <printOptions horizontalCentered="1"/>
      <pageSetup paperSize="9" scale="73" orientation="portrait" r:id="rId1"/>
    </customSheetView>
    <customSheetView guid="{25EF1E0D-169B-4051-B414-7E1196FC05E4}" showPageBreaks="1" showGridLines="0" fitToPage="1" printArea="1" topLeftCell="A13">
      <selection activeCell="G37" sqref="G37"/>
      <pageMargins left="0.19685039370078741" right="0.19685039370078741" top="0.59055118110236227" bottom="0.19685039370078741" header="0.19685039370078741" footer="0"/>
      <printOptions horizontalCentered="1"/>
      <pageSetup paperSize="9" scale="71" orientation="portrait" r:id="rId2"/>
    </customSheetView>
    <customSheetView guid="{82EDB5A4-4824-4632-A540-7A52C92F04C7}" showPageBreaks="1" showGridLines="0" fitToPage="1" printArea="1">
      <selection activeCell="M99" sqref="M99"/>
      <pageMargins left="0.19685039370078741" right="0.19685039370078741" top="0.19685039370078741" bottom="0.19685039370078741" header="0" footer="0"/>
      <printOptions horizontalCentered="1"/>
      <pageSetup paperSize="9" scale="73" orientation="portrait" r:id="rId3"/>
    </customSheetView>
    <customSheetView guid="{3AAF6A5F-F9AA-430B-9AD9-1261ECDF41B5}" showPageBreaks="1" showGridLines="0" fitToPage="1" printArea="1">
      <selection activeCell="H1" sqref="H1:H1048576"/>
      <pageMargins left="0.19685039370078741" right="0.19685039370078741" top="0.19685039370078741" bottom="0.19685039370078741" header="0" footer="0"/>
      <printOptions horizontalCentered="1"/>
      <pageSetup paperSize="9" scale="73" orientation="portrait" r:id="rId4"/>
    </customSheetView>
    <customSheetView guid="{C779D862-DE28-46CD-A428-4AAA1056D1E1}" showGridLines="0" fitToPage="1" topLeftCell="A33">
      <selection activeCell="B48" sqref="B48"/>
      <pageMargins left="0.19685039370078741" right="0.19685039370078741" top="0.39370078740157483" bottom="0.19685039370078741" header="0.19685039370078741" footer="0"/>
      <printOptions horizontalCentered="1"/>
      <pageSetup paperSize="9" scale="73" orientation="portrait" r:id="rId5"/>
    </customSheetView>
  </customSheetViews>
  <mergeCells count="7">
    <mergeCell ref="A9:A12"/>
    <mergeCell ref="B9:E9"/>
    <mergeCell ref="A2:E2"/>
    <mergeCell ref="A3:E3"/>
    <mergeCell ref="A4:E4"/>
    <mergeCell ref="A5:E5"/>
    <mergeCell ref="A6:E6"/>
  </mergeCells>
  <printOptions horizontalCentered="1"/>
  <pageMargins left="0.19685039370078741" right="0.19685039370078741" top="0.19685039370078741" bottom="0.19685039370078741" header="0" footer="0"/>
  <pageSetup paperSize="9" scale="72" orientation="portrait" r:id="rId6"/>
  <drawing r:id="rId7"/>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I104"/>
  <sheetViews>
    <sheetView showGridLines="0" workbookViewId="0"/>
  </sheetViews>
  <sheetFormatPr defaultColWidth="7.85546875" defaultRowHeight="11.25" customHeight="1" x14ac:dyDescent="0.2"/>
  <cols>
    <col min="1" max="1" width="13.5703125" style="289" customWidth="1"/>
    <col min="2" max="4" width="26.7109375" style="289" customWidth="1"/>
    <col min="5" max="5" width="32.7109375" style="289" customWidth="1"/>
    <col min="6" max="6" width="7.85546875" style="289"/>
    <col min="7" max="7" width="20.140625" style="289" customWidth="1"/>
    <col min="8" max="8" width="16.85546875" style="289" bestFit="1" customWidth="1"/>
    <col min="9" max="9" width="22.140625" style="289" customWidth="1"/>
    <col min="10" max="16384" width="7.85546875" style="289"/>
  </cols>
  <sheetData>
    <row r="1" spans="1:5" ht="10.5" x14ac:dyDescent="0.2">
      <c r="A1" s="49"/>
    </row>
    <row r="2" spans="1:5" ht="10.5" x14ac:dyDescent="0.2">
      <c r="A2" s="1166" t="s">
        <v>641</v>
      </c>
      <c r="B2" s="1166"/>
      <c r="C2" s="1166"/>
      <c r="D2" s="1166"/>
      <c r="E2" s="1166"/>
    </row>
    <row r="3" spans="1:5" ht="10.5" x14ac:dyDescent="0.2">
      <c r="A3" s="1166" t="s">
        <v>105</v>
      </c>
      <c r="B3" s="1166"/>
      <c r="C3" s="1166"/>
      <c r="D3" s="1166"/>
      <c r="E3" s="1166"/>
    </row>
    <row r="4" spans="1:5" ht="10.5" x14ac:dyDescent="0.2">
      <c r="A4" s="1166" t="s">
        <v>905</v>
      </c>
      <c r="B4" s="1166"/>
      <c r="C4" s="1166"/>
      <c r="D4" s="1166"/>
      <c r="E4" s="1166"/>
    </row>
    <row r="5" spans="1:5" ht="10.5" x14ac:dyDescent="0.2">
      <c r="A5" s="1166" t="s">
        <v>107</v>
      </c>
      <c r="B5" s="1166"/>
      <c r="C5" s="1166"/>
      <c r="D5" s="1166"/>
      <c r="E5" s="1166"/>
    </row>
    <row r="6" spans="1:5" ht="10.5" x14ac:dyDescent="0.2">
      <c r="A6" s="1166" t="s">
        <v>881</v>
      </c>
      <c r="B6" s="1166"/>
      <c r="C6" s="1166"/>
      <c r="D6" s="1166"/>
      <c r="E6" s="1166"/>
    </row>
    <row r="8" spans="1:5" ht="10.5" x14ac:dyDescent="0.2">
      <c r="A8" s="289" t="s">
        <v>906</v>
      </c>
      <c r="B8" s="75"/>
      <c r="C8" s="657"/>
      <c r="E8" s="239">
        <v>1</v>
      </c>
    </row>
    <row r="9" spans="1:5" s="653" customFormat="1" ht="13.5" customHeight="1" x14ac:dyDescent="0.2">
      <c r="A9" s="961" t="s">
        <v>845</v>
      </c>
      <c r="B9" s="964" t="s">
        <v>917</v>
      </c>
      <c r="C9" s="962"/>
      <c r="D9" s="962"/>
      <c r="E9" s="962"/>
    </row>
    <row r="10" spans="1:5" s="653" customFormat="1" ht="13.5" customHeight="1" x14ac:dyDescent="0.2">
      <c r="A10" s="951"/>
      <c r="B10" s="642" t="s">
        <v>908</v>
      </c>
      <c r="C10" s="642" t="s">
        <v>160</v>
      </c>
      <c r="D10" s="642" t="s">
        <v>909</v>
      </c>
      <c r="E10" s="644" t="s">
        <v>910</v>
      </c>
    </row>
    <row r="11" spans="1:5" s="653" customFormat="1" ht="12.75" customHeight="1" x14ac:dyDescent="0.2">
      <c r="A11" s="951"/>
      <c r="B11" s="654" t="s">
        <v>911</v>
      </c>
      <c r="C11" s="654" t="s">
        <v>911</v>
      </c>
      <c r="D11" s="654" t="s">
        <v>912</v>
      </c>
      <c r="E11" s="646" t="s">
        <v>913</v>
      </c>
    </row>
    <row r="12" spans="1:5" s="653" customFormat="1" ht="10.5" x14ac:dyDescent="0.2">
      <c r="A12" s="953"/>
      <c r="B12" s="643" t="s">
        <v>116</v>
      </c>
      <c r="C12" s="643" t="s">
        <v>117</v>
      </c>
      <c r="D12" s="643" t="s">
        <v>914</v>
      </c>
      <c r="E12" s="645" t="s">
        <v>915</v>
      </c>
    </row>
    <row r="13" spans="1:5" ht="10.5" x14ac:dyDescent="0.2">
      <c r="A13" s="655">
        <v>2014</v>
      </c>
      <c r="B13" s="698">
        <v>0</v>
      </c>
      <c r="C13" s="698">
        <v>0</v>
      </c>
      <c r="D13" s="698">
        <v>0</v>
      </c>
      <c r="E13" s="568">
        <v>44598835.219999999</v>
      </c>
    </row>
    <row r="14" spans="1:5" ht="10.5" x14ac:dyDescent="0.2">
      <c r="A14" s="655">
        <v>2015</v>
      </c>
      <c r="B14" s="698">
        <v>50668379.189999998</v>
      </c>
      <c r="C14" s="698">
        <v>1566113.5386000001</v>
      </c>
      <c r="D14" s="698">
        <v>49102265.6514</v>
      </c>
      <c r="E14" s="568">
        <v>93701100.871399999</v>
      </c>
    </row>
    <row r="15" spans="1:5" ht="10.5" x14ac:dyDescent="0.2">
      <c r="A15" s="655">
        <v>2016</v>
      </c>
      <c r="B15" s="698">
        <v>108214713.59579967</v>
      </c>
      <c r="C15" s="698">
        <v>3622277.5067451168</v>
      </c>
      <c r="D15" s="698">
        <v>104592436.08905455</v>
      </c>
      <c r="E15" s="568">
        <v>198293536.96045455</v>
      </c>
    </row>
    <row r="16" spans="1:5" ht="10.5" x14ac:dyDescent="0.2">
      <c r="A16" s="655">
        <v>2017</v>
      </c>
      <c r="B16" s="698">
        <v>177670645.34510207</v>
      </c>
      <c r="C16" s="698">
        <v>6592466.2483913088</v>
      </c>
      <c r="D16" s="698">
        <v>171078179.09671077</v>
      </c>
      <c r="E16" s="568">
        <v>369371716.05716532</v>
      </c>
    </row>
    <row r="17" spans="1:9" ht="10.5" x14ac:dyDescent="0.2">
      <c r="A17" s="655">
        <v>2018</v>
      </c>
      <c r="B17" s="698">
        <v>213516939.00688475</v>
      </c>
      <c r="C17" s="698">
        <v>8638456.1708922852</v>
      </c>
      <c r="D17" s="698">
        <v>204878482.83599246</v>
      </c>
      <c r="E17" s="568">
        <v>574250198.89315772</v>
      </c>
    </row>
    <row r="18" spans="1:9" ht="10.5" x14ac:dyDescent="0.2">
      <c r="A18" s="655">
        <v>2019</v>
      </c>
      <c r="B18" s="698">
        <v>245587178.46127364</v>
      </c>
      <c r="C18" s="698">
        <v>10740990.135128826</v>
      </c>
      <c r="D18" s="698">
        <v>234846188.32614481</v>
      </c>
      <c r="E18" s="568">
        <v>809096387.21930254</v>
      </c>
    </row>
    <row r="19" spans="1:9" ht="10.5" x14ac:dyDescent="0.2">
      <c r="A19" s="655">
        <v>2020</v>
      </c>
      <c r="B19" s="698">
        <v>275561259.35888386</v>
      </c>
      <c r="C19" s="698">
        <v>12961351.688020399</v>
      </c>
      <c r="D19" s="698">
        <v>262599907.67086345</v>
      </c>
      <c r="E19" s="568">
        <v>1071696294.890166</v>
      </c>
    </row>
    <row r="20" spans="1:9" ht="10.5" x14ac:dyDescent="0.2">
      <c r="A20" s="655">
        <v>2021</v>
      </c>
      <c r="B20" s="698">
        <v>304752868.7674042</v>
      </c>
      <c r="C20" s="698">
        <v>15344328.99030205</v>
      </c>
      <c r="D20" s="698">
        <v>289408539.77710217</v>
      </c>
      <c r="E20" s="568">
        <v>1361104834.6672683</v>
      </c>
    </row>
    <row r="21" spans="1:9" ht="10.5" x14ac:dyDescent="0.2">
      <c r="A21" s="655">
        <v>2022</v>
      </c>
      <c r="B21" s="698">
        <v>333967283.64454025</v>
      </c>
      <c r="C21" s="698">
        <v>17922869.736463428</v>
      </c>
      <c r="D21" s="698">
        <v>316044413.90807682</v>
      </c>
      <c r="E21" s="568">
        <v>1677149248.575345</v>
      </c>
    </row>
    <row r="22" spans="1:9" ht="10.5" x14ac:dyDescent="0.2">
      <c r="A22" s="655">
        <v>2023</v>
      </c>
      <c r="B22" s="698">
        <v>362363511.40369618</v>
      </c>
      <c r="C22" s="698">
        <v>21093893.518661767</v>
      </c>
      <c r="D22" s="698">
        <v>341269617.88503444</v>
      </c>
      <c r="E22" s="568">
        <v>2018418866.4603796</v>
      </c>
      <c r="G22" s="611"/>
    </row>
    <row r="23" spans="1:9" ht="10.5" x14ac:dyDescent="0.2">
      <c r="A23" s="655">
        <v>2024</v>
      </c>
      <c r="B23" s="698">
        <v>390074678.15752411</v>
      </c>
      <c r="C23" s="698">
        <v>28261749.342653126</v>
      </c>
      <c r="D23" s="698">
        <v>361812928.81487095</v>
      </c>
      <c r="E23" s="568">
        <v>2380231795.2752504</v>
      </c>
      <c r="G23" s="611"/>
      <c r="H23" s="611"/>
      <c r="I23" s="611"/>
    </row>
    <row r="24" spans="1:9" ht="10.5" x14ac:dyDescent="0.2">
      <c r="A24" s="655">
        <v>2025</v>
      </c>
      <c r="B24" s="698">
        <v>417980492.82191497</v>
      </c>
      <c r="C24" s="698">
        <v>33615152.021554492</v>
      </c>
      <c r="D24" s="698">
        <v>384365340.8003605</v>
      </c>
      <c r="E24" s="568">
        <v>2764597136.0756111</v>
      </c>
      <c r="G24" s="611"/>
      <c r="H24" s="611"/>
      <c r="I24" s="611"/>
    </row>
    <row r="25" spans="1:9" ht="10.5" x14ac:dyDescent="0.2">
      <c r="A25" s="655">
        <v>2026</v>
      </c>
      <c r="B25" s="698">
        <v>445295720.73729521</v>
      </c>
      <c r="C25" s="698">
        <v>42230564.534871683</v>
      </c>
      <c r="D25" s="698">
        <v>403065156.20242351</v>
      </c>
      <c r="E25" s="568">
        <v>3167662292.2780347</v>
      </c>
      <c r="G25" s="611"/>
      <c r="H25" s="611"/>
      <c r="I25" s="611"/>
    </row>
    <row r="26" spans="1:9" ht="10.5" x14ac:dyDescent="0.2">
      <c r="A26" s="655">
        <v>2027</v>
      </c>
      <c r="B26" s="698">
        <v>474975552.10889935</v>
      </c>
      <c r="C26" s="698">
        <v>55759729.204575196</v>
      </c>
      <c r="D26" s="698">
        <v>419215822.90432417</v>
      </c>
      <c r="E26" s="568">
        <v>3586878115.1823587</v>
      </c>
      <c r="G26" s="611"/>
      <c r="H26" s="611"/>
      <c r="I26" s="611"/>
    </row>
    <row r="27" spans="1:9" ht="10.5" x14ac:dyDescent="0.2">
      <c r="A27" s="655">
        <v>2028</v>
      </c>
      <c r="B27" s="698">
        <v>503853396.82767004</v>
      </c>
      <c r="C27" s="698">
        <v>74146615.871224612</v>
      </c>
      <c r="D27" s="698">
        <v>429706780.95644546</v>
      </c>
      <c r="E27" s="568">
        <v>4016584896.1388044</v>
      </c>
      <c r="G27" s="611"/>
      <c r="H27" s="611"/>
      <c r="I27" s="611"/>
    </row>
    <row r="28" spans="1:9" ht="10.5" x14ac:dyDescent="0.2">
      <c r="A28" s="655">
        <v>2029</v>
      </c>
      <c r="B28" s="698">
        <v>530444974.95741045</v>
      </c>
      <c r="C28" s="698">
        <v>86787324.6693248</v>
      </c>
      <c r="D28" s="698">
        <v>443657650.28808564</v>
      </c>
      <c r="E28" s="568">
        <v>4460242546.4268904</v>
      </c>
      <c r="G28" s="611"/>
      <c r="H28" s="611"/>
      <c r="I28" s="611"/>
    </row>
    <row r="29" spans="1:9" ht="10.5" x14ac:dyDescent="0.2">
      <c r="A29" s="655">
        <v>2030</v>
      </c>
      <c r="B29" s="698">
        <v>557817383.53132093</v>
      </c>
      <c r="C29" s="698">
        <v>101640350.29862696</v>
      </c>
      <c r="D29" s="698">
        <v>456177033.23269397</v>
      </c>
      <c r="E29" s="568">
        <v>4916419579.659584</v>
      </c>
      <c r="G29" s="611"/>
      <c r="H29" s="611"/>
      <c r="I29" s="611"/>
    </row>
    <row r="30" spans="1:9" ht="10.5" x14ac:dyDescent="0.2">
      <c r="A30" s="655">
        <v>2031</v>
      </c>
      <c r="B30" s="698">
        <v>583641282.75104058</v>
      </c>
      <c r="C30" s="698">
        <v>121223170.85892811</v>
      </c>
      <c r="D30" s="698">
        <v>462418111.89211249</v>
      </c>
      <c r="E30" s="568">
        <v>5378837691.5516968</v>
      </c>
      <c r="G30" s="611"/>
      <c r="H30" s="611"/>
      <c r="I30" s="611"/>
    </row>
    <row r="31" spans="1:9" ht="10.5" x14ac:dyDescent="0.2">
      <c r="A31" s="655">
        <v>2032</v>
      </c>
      <c r="B31" s="698">
        <v>607122341.98089671</v>
      </c>
      <c r="C31" s="698">
        <v>143443631.80978593</v>
      </c>
      <c r="D31" s="698">
        <v>463678710.17111075</v>
      </c>
      <c r="E31" s="568">
        <v>5842516401.7228079</v>
      </c>
      <c r="G31" s="611"/>
      <c r="H31" s="611"/>
      <c r="I31" s="611"/>
    </row>
    <row r="32" spans="1:9" ht="10.5" x14ac:dyDescent="0.2">
      <c r="A32" s="655">
        <v>2033</v>
      </c>
      <c r="B32" s="698">
        <v>632524829.78573251</v>
      </c>
      <c r="C32" s="698">
        <v>161269354.84066367</v>
      </c>
      <c r="D32" s="698">
        <v>471255474.94506884</v>
      </c>
      <c r="E32" s="568">
        <v>6313771876.6678772</v>
      </c>
      <c r="G32" s="611"/>
      <c r="H32" s="611"/>
      <c r="I32" s="611"/>
    </row>
    <row r="33" spans="1:9" ht="10.5" x14ac:dyDescent="0.2">
      <c r="A33" s="655">
        <v>2034</v>
      </c>
      <c r="B33" s="698">
        <v>656083658.2465359</v>
      </c>
      <c r="C33" s="698">
        <v>180674120.12894765</v>
      </c>
      <c r="D33" s="698">
        <v>475409538.11758828</v>
      </c>
      <c r="E33" s="568">
        <v>6789181414.7854652</v>
      </c>
      <c r="G33" s="611"/>
      <c r="H33" s="611"/>
      <c r="I33" s="611"/>
    </row>
    <row r="34" spans="1:9" ht="10.5" x14ac:dyDescent="0.2">
      <c r="A34" s="655">
        <v>2035</v>
      </c>
      <c r="B34" s="698">
        <v>679524455.21846151</v>
      </c>
      <c r="C34" s="698">
        <v>197147280.23527268</v>
      </c>
      <c r="D34" s="698">
        <v>482377174.98318887</v>
      </c>
      <c r="E34" s="568">
        <v>7271558589.7686539</v>
      </c>
      <c r="G34" s="611"/>
      <c r="H34" s="611"/>
      <c r="I34" s="611"/>
    </row>
    <row r="35" spans="1:9" ht="10.5" x14ac:dyDescent="0.2">
      <c r="A35" s="655">
        <v>2036</v>
      </c>
      <c r="B35" s="698">
        <v>702853087.3496604</v>
      </c>
      <c r="C35" s="698">
        <v>217995405.85191482</v>
      </c>
      <c r="D35" s="698">
        <v>484857681.49774557</v>
      </c>
      <c r="E35" s="568">
        <v>7756416271.2663994</v>
      </c>
      <c r="G35" s="611"/>
      <c r="H35" s="611"/>
      <c r="I35" s="611"/>
    </row>
    <row r="36" spans="1:9" ht="10.5" x14ac:dyDescent="0.2">
      <c r="A36" s="655">
        <v>2037</v>
      </c>
      <c r="B36" s="698">
        <v>725718450.58304775</v>
      </c>
      <c r="C36" s="698">
        <v>245010045.29074532</v>
      </c>
      <c r="D36" s="698">
        <v>480708405.29230243</v>
      </c>
      <c r="E36" s="568">
        <v>8237124676.5587015</v>
      </c>
      <c r="G36" s="611"/>
      <c r="H36" s="611"/>
      <c r="I36" s="611"/>
    </row>
    <row r="37" spans="1:9" ht="10.5" x14ac:dyDescent="0.2">
      <c r="A37" s="655">
        <v>2038</v>
      </c>
      <c r="B37" s="698">
        <v>747239408.36917818</v>
      </c>
      <c r="C37" s="698">
        <v>275294122.14500624</v>
      </c>
      <c r="D37" s="698">
        <v>471945286.22417194</v>
      </c>
      <c r="E37" s="568">
        <v>8709069962.7828732</v>
      </c>
      <c r="G37" s="611"/>
      <c r="H37" s="611"/>
      <c r="I37" s="611"/>
    </row>
    <row r="38" spans="1:9" ht="10.5" x14ac:dyDescent="0.2">
      <c r="A38" s="655">
        <v>2039</v>
      </c>
      <c r="B38" s="698">
        <v>768740215.87184453</v>
      </c>
      <c r="C38" s="698">
        <v>302676591.034675</v>
      </c>
      <c r="D38" s="698">
        <v>466063624.83716953</v>
      </c>
      <c r="E38" s="568">
        <v>9175133587.6200428</v>
      </c>
      <c r="G38" s="611"/>
      <c r="H38" s="611"/>
      <c r="I38" s="611"/>
    </row>
    <row r="39" spans="1:9" ht="10.5" x14ac:dyDescent="0.2">
      <c r="A39" s="655">
        <v>2040</v>
      </c>
      <c r="B39" s="698">
        <v>789619962.02898324</v>
      </c>
      <c r="C39" s="698">
        <v>332589572.33492655</v>
      </c>
      <c r="D39" s="698">
        <v>457030389.69405669</v>
      </c>
      <c r="E39" s="568">
        <v>9632163977.3141003</v>
      </c>
      <c r="G39" s="611"/>
      <c r="H39" s="611"/>
      <c r="I39" s="611"/>
    </row>
    <row r="40" spans="1:9" ht="10.5" x14ac:dyDescent="0.2">
      <c r="A40" s="655">
        <v>2041</v>
      </c>
      <c r="B40" s="698">
        <v>808172690.37835515</v>
      </c>
      <c r="C40" s="698">
        <v>364981156.84422028</v>
      </c>
      <c r="D40" s="698">
        <v>443191533.53413486</v>
      </c>
      <c r="E40" s="568">
        <v>10075355510.848236</v>
      </c>
      <c r="G40" s="611"/>
      <c r="H40" s="611"/>
      <c r="I40" s="611"/>
    </row>
    <row r="41" spans="1:9" ht="10.5" x14ac:dyDescent="0.2">
      <c r="A41" s="655">
        <v>2042</v>
      </c>
      <c r="B41" s="698">
        <v>824160253.89240348</v>
      </c>
      <c r="C41" s="698">
        <v>404059913.92353439</v>
      </c>
      <c r="D41" s="698">
        <v>420100339.96886909</v>
      </c>
      <c r="E41" s="568">
        <v>10495455850.817104</v>
      </c>
      <c r="G41" s="611"/>
      <c r="H41" s="611"/>
      <c r="I41" s="611"/>
    </row>
    <row r="42" spans="1:9" ht="10.5" x14ac:dyDescent="0.2">
      <c r="A42" s="655">
        <v>2043</v>
      </c>
      <c r="B42" s="698">
        <v>838585380.23254895</v>
      </c>
      <c r="C42" s="698">
        <v>440197637.61299217</v>
      </c>
      <c r="D42" s="698">
        <v>398387742.61955678</v>
      </c>
      <c r="E42" s="568">
        <v>10893843593.436661</v>
      </c>
      <c r="G42" s="611"/>
      <c r="H42" s="611"/>
      <c r="I42" s="611"/>
    </row>
    <row r="43" spans="1:9" ht="10.5" x14ac:dyDescent="0.2">
      <c r="A43" s="655">
        <v>2044</v>
      </c>
      <c r="B43" s="698">
        <v>853121734.40681219</v>
      </c>
      <c r="C43" s="698">
        <v>479732123.52454996</v>
      </c>
      <c r="D43" s="698">
        <v>373389610.88226223</v>
      </c>
      <c r="E43" s="568">
        <v>11267233204.318924</v>
      </c>
      <c r="G43" s="611"/>
      <c r="H43" s="611"/>
      <c r="I43" s="611"/>
    </row>
    <row r="44" spans="1:9" ht="10.5" x14ac:dyDescent="0.2">
      <c r="A44" s="655">
        <v>2045</v>
      </c>
      <c r="B44" s="698">
        <v>865190744.76071882</v>
      </c>
      <c r="C44" s="698">
        <v>522197358.66869992</v>
      </c>
      <c r="D44" s="698">
        <v>342993386.0920189</v>
      </c>
      <c r="E44" s="568">
        <v>11610226590.410942</v>
      </c>
      <c r="G44" s="611"/>
      <c r="H44" s="611"/>
      <c r="I44" s="611"/>
    </row>
    <row r="45" spans="1:9" ht="10.5" x14ac:dyDescent="0.2">
      <c r="A45" s="655">
        <v>2046</v>
      </c>
      <c r="B45" s="698">
        <v>876767448.61138296</v>
      </c>
      <c r="C45" s="698">
        <v>577268485.6566875</v>
      </c>
      <c r="D45" s="698">
        <v>299498962.95469546</v>
      </c>
      <c r="E45" s="568">
        <v>11909725553.365637</v>
      </c>
      <c r="G45" s="611"/>
      <c r="H45" s="611"/>
      <c r="I45" s="611"/>
    </row>
    <row r="46" spans="1:9" ht="10.5" x14ac:dyDescent="0.2">
      <c r="A46" s="655">
        <v>2047</v>
      </c>
      <c r="B46" s="698">
        <v>885397872.68093121</v>
      </c>
      <c r="C46" s="698">
        <v>623411638.90533125</v>
      </c>
      <c r="D46" s="698">
        <v>261986233.77559996</v>
      </c>
      <c r="E46" s="568">
        <v>12171711787.141237</v>
      </c>
      <c r="G46" s="611"/>
      <c r="H46" s="611"/>
      <c r="I46" s="611"/>
    </row>
    <row r="47" spans="1:9" ht="10.5" x14ac:dyDescent="0.2">
      <c r="A47" s="655">
        <v>2048</v>
      </c>
      <c r="B47" s="698">
        <v>894594041.17877793</v>
      </c>
      <c r="C47" s="698">
        <v>673932166.16651249</v>
      </c>
      <c r="D47" s="698">
        <v>220661875.01226544</v>
      </c>
      <c r="E47" s="568">
        <v>12392373662.153503</v>
      </c>
      <c r="G47" s="611"/>
      <c r="H47" s="611"/>
      <c r="I47" s="611"/>
    </row>
    <row r="48" spans="1:9" ht="10.5" x14ac:dyDescent="0.2">
      <c r="A48" s="655">
        <v>2049</v>
      </c>
      <c r="B48" s="698">
        <v>902236476.82096684</v>
      </c>
      <c r="C48" s="698">
        <v>721133072.99901569</v>
      </c>
      <c r="D48" s="698">
        <v>181103403.82195115</v>
      </c>
      <c r="E48" s="568">
        <v>12573477065.975454</v>
      </c>
      <c r="G48" s="611"/>
      <c r="H48" s="611"/>
      <c r="I48" s="611"/>
    </row>
    <row r="49" spans="1:9" ht="10.5" x14ac:dyDescent="0.2">
      <c r="A49" s="655">
        <v>2050</v>
      </c>
      <c r="B49" s="698">
        <v>910395021.1486156</v>
      </c>
      <c r="C49" s="698">
        <v>777002146.87265623</v>
      </c>
      <c r="D49" s="698">
        <v>133392874.27595937</v>
      </c>
      <c r="E49" s="568">
        <v>12706869940.251413</v>
      </c>
      <c r="G49" s="611"/>
      <c r="H49" s="611"/>
      <c r="I49" s="611"/>
    </row>
    <row r="50" spans="1:9" ht="10.5" x14ac:dyDescent="0.2">
      <c r="A50" s="655">
        <v>2051</v>
      </c>
      <c r="B50" s="698">
        <v>916598014.1942718</v>
      </c>
      <c r="C50" s="698">
        <v>826464743.2740562</v>
      </c>
      <c r="D50" s="698">
        <v>90133270.920215607</v>
      </c>
      <c r="E50" s="568">
        <v>12797003211.171629</v>
      </c>
    </row>
    <row r="51" spans="1:9" ht="10.5" x14ac:dyDescent="0.2">
      <c r="A51" s="655">
        <v>2052</v>
      </c>
      <c r="B51" s="698">
        <v>923225330.16514385</v>
      </c>
      <c r="C51" s="698">
        <v>880827596.47228134</v>
      </c>
      <c r="D51" s="698">
        <v>42397733.692862511</v>
      </c>
      <c r="E51" s="568">
        <v>12839400944.864491</v>
      </c>
    </row>
    <row r="52" spans="1:9" ht="10.5" x14ac:dyDescent="0.2">
      <c r="A52" s="655">
        <v>2053</v>
      </c>
      <c r="B52" s="698">
        <v>928074038.83358574</v>
      </c>
      <c r="C52" s="698">
        <v>926555286.45696247</v>
      </c>
      <c r="D52" s="698">
        <v>1518752.3766232729</v>
      </c>
      <c r="E52" s="568">
        <v>12840919697.241114</v>
      </c>
    </row>
    <row r="53" spans="1:9" ht="10.5" x14ac:dyDescent="0.2">
      <c r="A53" s="655">
        <v>2054</v>
      </c>
      <c r="B53" s="698">
        <v>933964561.19459653</v>
      </c>
      <c r="C53" s="698">
        <v>977855872.70125628</v>
      </c>
      <c r="D53" s="698">
        <v>-43891311.506659746</v>
      </c>
      <c r="E53" s="568">
        <v>12797028385.734453</v>
      </c>
    </row>
    <row r="54" spans="1:9" ht="10.5" x14ac:dyDescent="0.2">
      <c r="A54" s="655">
        <v>2055</v>
      </c>
      <c r="B54" s="698">
        <v>938521772.80379105</v>
      </c>
      <c r="C54" s="698">
        <v>1023846746.3573781</v>
      </c>
      <c r="D54" s="698">
        <v>-85324973.553587079</v>
      </c>
      <c r="E54" s="568">
        <v>12711703412.180866</v>
      </c>
    </row>
    <row r="55" spans="1:9" ht="10.5" x14ac:dyDescent="0.2">
      <c r="A55" s="655">
        <v>2056</v>
      </c>
      <c r="B55" s="698">
        <v>943672121.09227896</v>
      </c>
      <c r="C55" s="698">
        <v>1073732861.4914079</v>
      </c>
      <c r="D55" s="698">
        <v>-130060740.39912891</v>
      </c>
      <c r="E55" s="568">
        <v>12581642671.781738</v>
      </c>
    </row>
    <row r="56" spans="1:9" ht="10.5" x14ac:dyDescent="0.2">
      <c r="A56" s="655">
        <v>2057</v>
      </c>
      <c r="B56" s="698">
        <v>947836010.1122818</v>
      </c>
      <c r="C56" s="698">
        <v>1119700195.7745297</v>
      </c>
      <c r="D56" s="698">
        <v>-171864185.6622479</v>
      </c>
      <c r="E56" s="568">
        <v>12409778486.11949</v>
      </c>
    </row>
    <row r="57" spans="1:9" ht="10.5" x14ac:dyDescent="0.2">
      <c r="A57" s="655">
        <v>2058</v>
      </c>
      <c r="B57" s="698">
        <v>952109879.35027802</v>
      </c>
      <c r="C57" s="698">
        <v>1165193548.5655327</v>
      </c>
      <c r="D57" s="698">
        <v>-213083669.21525466</v>
      </c>
      <c r="E57" s="568">
        <v>12196694816.904236</v>
      </c>
    </row>
    <row r="58" spans="1:9" ht="10.5" x14ac:dyDescent="0.2">
      <c r="A58" s="655">
        <v>2059</v>
      </c>
      <c r="B58" s="698">
        <v>955440493.54025638</v>
      </c>
      <c r="C58" s="698">
        <v>1203219086.9342313</v>
      </c>
      <c r="D58" s="698">
        <v>-247778593.3939749</v>
      </c>
      <c r="E58" s="568">
        <v>11948916223.510262</v>
      </c>
    </row>
    <row r="59" spans="1:9" ht="10.5" x14ac:dyDescent="0.2">
      <c r="A59" s="655">
        <v>2060</v>
      </c>
      <c r="B59" s="698">
        <v>959080864.22725606</v>
      </c>
      <c r="C59" s="698">
        <v>1240072346.417125</v>
      </c>
      <c r="D59" s="698">
        <v>-280991482.18986893</v>
      </c>
      <c r="E59" s="568">
        <v>11667924741.320393</v>
      </c>
    </row>
    <row r="60" spans="1:9" ht="10.5" x14ac:dyDescent="0.2">
      <c r="A60" s="655">
        <v>2061</v>
      </c>
      <c r="B60" s="698">
        <v>962435667.47878087</v>
      </c>
      <c r="C60" s="698">
        <v>1274040199.6612875</v>
      </c>
      <c r="D60" s="698">
        <v>-311604532.18250668</v>
      </c>
      <c r="E60" s="568">
        <v>11356320209.137886</v>
      </c>
    </row>
    <row r="61" spans="1:9" ht="10.5" x14ac:dyDescent="0.2">
      <c r="A61" s="655">
        <v>2062</v>
      </c>
      <c r="B61" s="698">
        <v>966178813.50913417</v>
      </c>
      <c r="C61" s="698">
        <v>1312548673.2878814</v>
      </c>
      <c r="D61" s="698">
        <v>-346369859.7787472</v>
      </c>
      <c r="E61" s="568">
        <v>11009950349.359138</v>
      </c>
    </row>
    <row r="62" spans="1:9" ht="10.5" x14ac:dyDescent="0.2">
      <c r="A62" s="655">
        <v>2063</v>
      </c>
      <c r="B62" s="698">
        <v>968834290.07613087</v>
      </c>
      <c r="C62" s="698">
        <v>1345815313.132225</v>
      </c>
      <c r="D62" s="698">
        <v>-376981023.05609417</v>
      </c>
      <c r="E62" s="568">
        <v>10632969326.303043</v>
      </c>
    </row>
    <row r="63" spans="1:9" ht="10.5" x14ac:dyDescent="0.2">
      <c r="A63" s="655">
        <v>2064</v>
      </c>
      <c r="B63" s="698">
        <v>971943261.43662989</v>
      </c>
      <c r="C63" s="698">
        <v>1381307477.90815</v>
      </c>
      <c r="D63" s="698">
        <v>-409364216.47152007</v>
      </c>
      <c r="E63" s="568">
        <v>10223605109.831524</v>
      </c>
    </row>
    <row r="64" spans="1:9" ht="10.5" x14ac:dyDescent="0.2">
      <c r="A64" s="655">
        <v>2065</v>
      </c>
      <c r="B64" s="698">
        <v>973756791.76819301</v>
      </c>
      <c r="C64" s="698">
        <v>1410335090.65605</v>
      </c>
      <c r="D64" s="698">
        <v>-436578298.88785696</v>
      </c>
      <c r="E64" s="568">
        <v>9787026810.9436665</v>
      </c>
    </row>
    <row r="65" spans="1:5" ht="10.5" x14ac:dyDescent="0.2">
      <c r="A65" s="655">
        <v>2066</v>
      </c>
      <c r="B65" s="698">
        <v>976453201.00887442</v>
      </c>
      <c r="C65" s="698">
        <v>1440283687.1702499</v>
      </c>
      <c r="D65" s="698">
        <v>-463830486.16137552</v>
      </c>
      <c r="E65" s="568">
        <v>9323196324.7822914</v>
      </c>
    </row>
    <row r="66" spans="1:5" ht="10.5" x14ac:dyDescent="0.2">
      <c r="A66" s="655">
        <v>2067</v>
      </c>
      <c r="B66" s="698">
        <v>978333091.80037498</v>
      </c>
      <c r="C66" s="698">
        <v>1465579668.6719499</v>
      </c>
      <c r="D66" s="698">
        <v>-487246576.87157488</v>
      </c>
      <c r="E66" s="568">
        <v>8835949747.910717</v>
      </c>
    </row>
    <row r="67" spans="1:5" ht="10.5" x14ac:dyDescent="0.2">
      <c r="A67" s="655">
        <v>2068</v>
      </c>
      <c r="B67" s="698">
        <v>980298352.90155327</v>
      </c>
      <c r="C67" s="698">
        <v>1492949225.0980127</v>
      </c>
      <c r="D67" s="698">
        <v>-512650872.19645941</v>
      </c>
      <c r="E67" s="568">
        <v>8323298875.7142572</v>
      </c>
    </row>
    <row r="68" spans="1:5" ht="10.5" x14ac:dyDescent="0.2">
      <c r="A68" s="655">
        <v>2069</v>
      </c>
      <c r="B68" s="698">
        <v>981372839.67523885</v>
      </c>
      <c r="C68" s="698">
        <v>1514340384.8707874</v>
      </c>
      <c r="D68" s="698">
        <v>-532967545.19554853</v>
      </c>
      <c r="E68" s="568">
        <v>7790331330.5187092</v>
      </c>
    </row>
    <row r="69" spans="1:5" ht="10.5" x14ac:dyDescent="0.2">
      <c r="A69" s="655">
        <v>2070</v>
      </c>
      <c r="B69" s="698">
        <v>983224241.24816358</v>
      </c>
      <c r="C69" s="698">
        <v>1537559234.8603499</v>
      </c>
      <c r="D69" s="698">
        <v>-554334993.61218631</v>
      </c>
      <c r="E69" s="568">
        <v>7235996336.9065228</v>
      </c>
    </row>
    <row r="70" spans="1:5" ht="10.5" x14ac:dyDescent="0.2">
      <c r="A70" s="655">
        <v>2071</v>
      </c>
      <c r="B70" s="698">
        <v>983632235.00046015</v>
      </c>
      <c r="C70" s="698">
        <v>1555216870.6148751</v>
      </c>
      <c r="D70" s="698">
        <v>-571584635.61441493</v>
      </c>
      <c r="E70" s="568">
        <v>6664411701.2921076</v>
      </c>
    </row>
    <row r="71" spans="1:5" ht="10.5" x14ac:dyDescent="0.2">
      <c r="A71" s="655">
        <v>2072</v>
      </c>
      <c r="B71" s="698">
        <v>984674661.83248663</v>
      </c>
      <c r="C71" s="698">
        <v>1571540586.1335375</v>
      </c>
      <c r="D71" s="698">
        <v>-586865924.3010509</v>
      </c>
      <c r="E71" s="568">
        <v>6077545776.9910564</v>
      </c>
    </row>
    <row r="72" spans="1:5" ht="10.5" x14ac:dyDescent="0.2">
      <c r="A72" s="655">
        <v>2073</v>
      </c>
      <c r="B72" s="698">
        <v>985387246.10065091</v>
      </c>
      <c r="C72" s="698">
        <v>1585211734.5216749</v>
      </c>
      <c r="D72" s="698">
        <v>-599824488.42102396</v>
      </c>
      <c r="E72" s="568">
        <v>5477721288.5700321</v>
      </c>
    </row>
    <row r="73" spans="1:5" ht="10.5" x14ac:dyDescent="0.2">
      <c r="A73" s="655">
        <v>2074</v>
      </c>
      <c r="B73" s="698">
        <v>984971409.63346505</v>
      </c>
      <c r="C73" s="698">
        <v>1588559785.8045499</v>
      </c>
      <c r="D73" s="698">
        <v>-603588376.17108488</v>
      </c>
      <c r="E73" s="568">
        <v>4874132912.3989468</v>
      </c>
    </row>
    <row r="74" spans="1:5" ht="10.5" x14ac:dyDescent="0.2">
      <c r="A74" s="655">
        <v>2075</v>
      </c>
      <c r="B74" s="698">
        <v>984626888.49601412</v>
      </c>
      <c r="C74" s="698">
        <v>1586529344.5267501</v>
      </c>
      <c r="D74" s="698">
        <v>-601902456.03073597</v>
      </c>
      <c r="E74" s="568">
        <v>4272230456.3682108</v>
      </c>
    </row>
    <row r="75" spans="1:5" ht="10.5" x14ac:dyDescent="0.2">
      <c r="A75" s="655">
        <v>2076</v>
      </c>
      <c r="B75" s="698">
        <v>984951830.77060175</v>
      </c>
      <c r="C75" s="698">
        <v>1590213653.688725</v>
      </c>
      <c r="D75" s="698">
        <v>-605261822.91812325</v>
      </c>
      <c r="E75" s="568">
        <v>3666968633.4500875</v>
      </c>
    </row>
    <row r="76" spans="1:5" ht="10.5" x14ac:dyDescent="0.2">
      <c r="A76" s="655">
        <v>2077</v>
      </c>
      <c r="B76" s="698">
        <v>983503337.67233217</v>
      </c>
      <c r="C76" s="698">
        <v>1585898872.7378063</v>
      </c>
      <c r="D76" s="698">
        <v>-602395535.06547415</v>
      </c>
      <c r="E76" s="568">
        <v>3064573098.3846135</v>
      </c>
    </row>
    <row r="77" spans="1:5" ht="10.5" x14ac:dyDescent="0.2">
      <c r="A77" s="655">
        <v>2078</v>
      </c>
      <c r="B77" s="698">
        <v>983333342.13072824</v>
      </c>
      <c r="C77" s="698">
        <v>1582563232.9783251</v>
      </c>
      <c r="D77" s="698">
        <v>-599229890.84759688</v>
      </c>
      <c r="E77" s="568">
        <v>2465343207.5370169</v>
      </c>
    </row>
    <row r="78" spans="1:5" ht="10.5" x14ac:dyDescent="0.2">
      <c r="A78" s="655">
        <v>2079</v>
      </c>
      <c r="B78" s="698">
        <v>982359985.64386666</v>
      </c>
      <c r="C78" s="698">
        <v>1574768488.9287813</v>
      </c>
      <c r="D78" s="698">
        <v>-592408503.28491461</v>
      </c>
      <c r="E78" s="568">
        <v>1872934704.2521024</v>
      </c>
    </row>
    <row r="79" spans="1:5" ht="10.5" x14ac:dyDescent="0.2">
      <c r="A79" s="655">
        <v>2080</v>
      </c>
      <c r="B79" s="698">
        <v>981563873.30387056</v>
      </c>
      <c r="C79" s="698">
        <v>1565276700.838825</v>
      </c>
      <c r="D79" s="698">
        <v>-583712827.53495443</v>
      </c>
      <c r="E79" s="568">
        <v>1289221876.7171478</v>
      </c>
    </row>
    <row r="80" spans="1:5" ht="10.5" x14ac:dyDescent="0.2">
      <c r="A80" s="655">
        <v>2081</v>
      </c>
      <c r="B80" s="698">
        <v>980306425.81705022</v>
      </c>
      <c r="C80" s="698">
        <v>1552488200.4024251</v>
      </c>
      <c r="D80" s="698">
        <v>-572181774.58537483</v>
      </c>
      <c r="E80" s="568">
        <v>717040102.13177299</v>
      </c>
    </row>
    <row r="81" spans="1:5" ht="10.5" x14ac:dyDescent="0.2">
      <c r="A81" s="655">
        <v>2082</v>
      </c>
      <c r="B81" s="698">
        <v>979426917.03675401</v>
      </c>
      <c r="C81" s="698">
        <v>1539280273.7005689</v>
      </c>
      <c r="D81" s="698">
        <v>-559853356.6638149</v>
      </c>
      <c r="E81" s="568">
        <v>157186745.46795809</v>
      </c>
    </row>
    <row r="82" spans="1:5" ht="11.25" customHeight="1" x14ac:dyDescent="0.2">
      <c r="A82" s="655">
        <v>2083</v>
      </c>
      <c r="B82" s="698">
        <v>977968739.39465165</v>
      </c>
      <c r="C82" s="698">
        <v>1523511131.2226</v>
      </c>
      <c r="D82" s="698">
        <v>-545542391.82794833</v>
      </c>
      <c r="E82" s="568">
        <v>-388355646.35999024</v>
      </c>
    </row>
    <row r="83" spans="1:5" ht="11.25" customHeight="1" x14ac:dyDescent="0.2">
      <c r="A83" s="655">
        <v>2084</v>
      </c>
      <c r="B83" s="698">
        <v>976851296.9859159</v>
      </c>
      <c r="C83" s="698">
        <v>1506932971.5607781</v>
      </c>
      <c r="D83" s="698">
        <v>-530081674.57486224</v>
      </c>
      <c r="E83" s="568">
        <v>-918437320.93485248</v>
      </c>
    </row>
    <row r="84" spans="1:5" ht="11.25" customHeight="1" x14ac:dyDescent="0.2">
      <c r="A84" s="655">
        <v>2085</v>
      </c>
      <c r="B84" s="698">
        <v>975523448.79343092</v>
      </c>
      <c r="C84" s="698">
        <v>1488937977.4048812</v>
      </c>
      <c r="D84" s="698">
        <v>-513414528.61145031</v>
      </c>
      <c r="E84" s="568">
        <v>-1431851849.5463028</v>
      </c>
    </row>
    <row r="85" spans="1:5" ht="11.25" customHeight="1" x14ac:dyDescent="0.2">
      <c r="A85" s="695">
        <v>2086</v>
      </c>
      <c r="B85" s="698">
        <v>973914211.14170802</v>
      </c>
      <c r="C85" s="698">
        <v>1469528363.5720999</v>
      </c>
      <c r="D85" s="698">
        <v>-495614152.43039191</v>
      </c>
      <c r="E85" s="568">
        <v>-1927466001.9766946</v>
      </c>
    </row>
    <row r="86" spans="1:5" ht="11.25" customHeight="1" x14ac:dyDescent="0.2">
      <c r="A86" s="695">
        <v>2087</v>
      </c>
      <c r="B86" s="698">
        <v>972470452.04480028</v>
      </c>
      <c r="C86" s="698">
        <v>1449986664.38535</v>
      </c>
      <c r="D86" s="698">
        <v>-477516212.34054971</v>
      </c>
      <c r="E86" s="568">
        <v>-2404982214.3172445</v>
      </c>
    </row>
    <row r="87" spans="1:5" ht="11.25" customHeight="1" x14ac:dyDescent="0.2">
      <c r="A87" s="696">
        <v>2088</v>
      </c>
      <c r="B87" s="699">
        <v>971317958.67626274</v>
      </c>
      <c r="C87" s="699">
        <v>1430155924.9036922</v>
      </c>
      <c r="D87" s="699">
        <v>-458837966.22742951</v>
      </c>
      <c r="E87" s="571">
        <v>-2863820180.5446739</v>
      </c>
    </row>
    <row r="88" spans="1:5" ht="11.25" customHeight="1" x14ac:dyDescent="0.2">
      <c r="A88" s="289" t="s">
        <v>916</v>
      </c>
      <c r="E88" s="697"/>
    </row>
    <row r="89" spans="1:5" s="93" customFormat="1" ht="11.25" customHeight="1" x14ac:dyDescent="0.2">
      <c r="A89" s="299"/>
    </row>
    <row r="90" spans="1:5" s="93" customFormat="1" ht="11.25" customHeight="1" x14ac:dyDescent="0.2">
      <c r="A90" s="299"/>
    </row>
    <row r="91" spans="1:5" s="93" customFormat="1" ht="11.25" customHeight="1" x14ac:dyDescent="0.2">
      <c r="A91" s="299"/>
    </row>
    <row r="92" spans="1:5" s="93" customFormat="1" ht="11.25" customHeight="1" x14ac:dyDescent="0.2">
      <c r="A92" s="299"/>
    </row>
    <row r="93" spans="1:5" s="50" customFormat="1" ht="11.25" customHeight="1" x14ac:dyDescent="0.2"/>
    <row r="94" spans="1:5" s="50" customFormat="1" ht="11.25" customHeight="1" x14ac:dyDescent="0.2"/>
    <row r="95" spans="1:5" s="50" customFormat="1" ht="11.25" customHeight="1" x14ac:dyDescent="0.2"/>
    <row r="96" spans="1:5" s="50" customFormat="1" ht="11.25" customHeight="1" x14ac:dyDescent="0.2"/>
    <row r="97" spans="1:1" s="50" customFormat="1" ht="11.25" customHeight="1" x14ac:dyDescent="0.2"/>
    <row r="98" spans="1:1" s="50" customFormat="1" ht="11.25" customHeight="1" x14ac:dyDescent="0.2"/>
    <row r="99" spans="1:1" s="50" customFormat="1" ht="11.25" customHeight="1" x14ac:dyDescent="0.2"/>
    <row r="100" spans="1:1" s="93" customFormat="1" ht="11.25" customHeight="1" x14ac:dyDescent="0.2">
      <c r="A100" s="299"/>
    </row>
    <row r="101" spans="1:1" s="93" customFormat="1" ht="11.25" customHeight="1" x14ac:dyDescent="0.2">
      <c r="A101" s="299"/>
    </row>
    <row r="102" spans="1:1" s="93" customFormat="1" ht="11.25" customHeight="1" x14ac:dyDescent="0.2">
      <c r="A102" s="299"/>
    </row>
    <row r="103" spans="1:1" s="93" customFormat="1" ht="11.25" customHeight="1" x14ac:dyDescent="0.2">
      <c r="A103" s="299"/>
    </row>
    <row r="104" spans="1:1" s="93" customFormat="1" ht="11.25" customHeight="1" x14ac:dyDescent="0.2">
      <c r="A104" s="299"/>
    </row>
  </sheetData>
  <customSheetViews>
    <customSheetView guid="{6DBFA32C-4AA4-4E1D-9A48-697377C64CC3}" showPageBreaks="1" showGridLines="0" fitToPage="1" printArea="1">
      <selection activeCell="M99" sqref="M99"/>
      <pageMargins left="0.19685039370078741" right="0.19685039370078741" top="0.19685039370078741" bottom="0.19685039370078741" header="0" footer="0"/>
      <printOptions horizontalCentered="1"/>
      <pageSetup paperSize="9" scale="79" orientation="portrait" r:id="rId1"/>
    </customSheetView>
    <customSheetView guid="{25EF1E0D-169B-4051-B414-7E1196FC05E4}" showPageBreaks="1" showGridLines="0">
      <selection activeCell="H14" sqref="H14"/>
      <pageMargins left="0.511811024" right="0.511811024" top="0.78740157499999996" bottom="0.78740157499999996" header="0.31496062000000002" footer="0.31496062000000002"/>
      <pageSetup paperSize="9" orientation="portrait" r:id="rId2"/>
    </customSheetView>
    <customSheetView guid="{82EDB5A4-4824-4632-A540-7A52C92F04C7}" showPageBreaks="1" showGridLines="0" fitToPage="1" printArea="1">
      <selection activeCell="M99" sqref="M99"/>
      <pageMargins left="0.19685039370078741" right="0.19685039370078741" top="0.19685039370078741" bottom="0.19685039370078741" header="0" footer="0"/>
      <printOptions horizontalCentered="1"/>
      <pageSetup paperSize="9" scale="79" orientation="portrait" r:id="rId3"/>
    </customSheetView>
    <customSheetView guid="{3AAF6A5F-F9AA-430B-9AD9-1261ECDF41B5}" showPageBreaks="1" showGridLines="0" fitToPage="1" printArea="1">
      <selection activeCell="M99" sqref="M99"/>
      <pageMargins left="0.19685039370078741" right="0.19685039370078741" top="0.19685039370078741" bottom="0.19685039370078741" header="0" footer="0"/>
      <printOptions horizontalCentered="1"/>
      <pageSetup paperSize="9" scale="77" orientation="portrait" r:id="rId4"/>
    </customSheetView>
    <customSheetView guid="{C779D862-DE28-46CD-A428-4AAA1056D1E1}" showGridLines="0" fitToPage="1" topLeftCell="A18">
      <selection activeCell="J46" sqref="J46"/>
      <pageMargins left="0.19685039370078741" right="0.19685039370078741" top="0.39370078740157483" bottom="0.19685039370078741" header="0" footer="0"/>
      <printOptions horizontalCentered="1"/>
      <pageSetup paperSize="9" scale="79" orientation="portrait" r:id="rId5"/>
    </customSheetView>
  </customSheetViews>
  <mergeCells count="7">
    <mergeCell ref="A9:A12"/>
    <mergeCell ref="B9:E9"/>
    <mergeCell ref="A2:E2"/>
    <mergeCell ref="A3:E3"/>
    <mergeCell ref="A4:E4"/>
    <mergeCell ref="A5:E5"/>
    <mergeCell ref="A6:E6"/>
  </mergeCells>
  <printOptions horizontalCentered="1"/>
  <pageMargins left="0.19685039370078741" right="0.19685039370078741" top="0.19685039370078741" bottom="0.19685039370078741" header="0" footer="0"/>
  <pageSetup paperSize="9" scale="78" orientation="portrait" r:id="rId6"/>
  <drawing r:id="rId7"/>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M53"/>
  <sheetViews>
    <sheetView showGridLines="0" zoomScaleNormal="100" workbookViewId="0"/>
  </sheetViews>
  <sheetFormatPr defaultColWidth="22.28515625" defaultRowHeight="10.5" x14ac:dyDescent="0.2"/>
  <cols>
    <col min="1" max="1" width="54.5703125" style="20" customWidth="1"/>
    <col min="2" max="2" width="20.7109375" style="296" customWidth="1"/>
    <col min="3" max="3" width="14.140625" style="296" bestFit="1" customWidth="1"/>
    <col min="4" max="4" width="14.28515625" style="296" customWidth="1"/>
    <col min="5" max="5" width="15.7109375" style="296" customWidth="1"/>
    <col min="6" max="6" width="16.85546875" style="296" customWidth="1"/>
    <col min="7" max="7" width="14.42578125" style="296" customWidth="1"/>
    <col min="8" max="8" width="18.5703125" style="299" customWidth="1"/>
    <col min="9" max="256" width="22.28515625" style="20"/>
    <col min="257" max="257" width="48" style="20" customWidth="1"/>
    <col min="258" max="258" width="20.7109375" style="20" customWidth="1"/>
    <col min="259" max="259" width="14.85546875" style="20" customWidth="1"/>
    <col min="260" max="260" width="13.42578125" style="20" customWidth="1"/>
    <col min="261" max="261" width="14.42578125" style="20" customWidth="1"/>
    <col min="262" max="262" width="23.7109375" style="20" customWidth="1"/>
    <col min="263" max="263" width="17.85546875" style="20" customWidth="1"/>
    <col min="264" max="264" width="18.140625" style="20" customWidth="1"/>
    <col min="265" max="512" width="22.28515625" style="20"/>
    <col min="513" max="513" width="48" style="20" customWidth="1"/>
    <col min="514" max="514" width="20.7109375" style="20" customWidth="1"/>
    <col min="515" max="515" width="14.85546875" style="20" customWidth="1"/>
    <col min="516" max="516" width="13.42578125" style="20" customWidth="1"/>
    <col min="517" max="517" width="14.42578125" style="20" customWidth="1"/>
    <col min="518" max="518" width="23.7109375" style="20" customWidth="1"/>
    <col min="519" max="519" width="17.85546875" style="20" customWidth="1"/>
    <col min="520" max="520" width="18.140625" style="20" customWidth="1"/>
    <col min="521" max="768" width="22.28515625" style="20"/>
    <col min="769" max="769" width="48" style="20" customWidth="1"/>
    <col min="770" max="770" width="20.7109375" style="20" customWidth="1"/>
    <col min="771" max="771" width="14.85546875" style="20" customWidth="1"/>
    <col min="772" max="772" width="13.42578125" style="20" customWidth="1"/>
    <col min="773" max="773" width="14.42578125" style="20" customWidth="1"/>
    <col min="774" max="774" width="23.7109375" style="20" customWidth="1"/>
    <col min="775" max="775" width="17.85546875" style="20" customWidth="1"/>
    <col min="776" max="776" width="18.140625" style="20" customWidth="1"/>
    <col min="777" max="1024" width="22.28515625" style="20"/>
    <col min="1025" max="1025" width="48" style="20" customWidth="1"/>
    <col min="1026" max="1026" width="20.7109375" style="20" customWidth="1"/>
    <col min="1027" max="1027" width="14.85546875" style="20" customWidth="1"/>
    <col min="1028" max="1028" width="13.42578125" style="20" customWidth="1"/>
    <col min="1029" max="1029" width="14.42578125" style="20" customWidth="1"/>
    <col min="1030" max="1030" width="23.7109375" style="20" customWidth="1"/>
    <col min="1031" max="1031" width="17.85546875" style="20" customWidth="1"/>
    <col min="1032" max="1032" width="18.140625" style="20" customWidth="1"/>
    <col min="1033" max="1280" width="22.28515625" style="20"/>
    <col min="1281" max="1281" width="48" style="20" customWidth="1"/>
    <col min="1282" max="1282" width="20.7109375" style="20" customWidth="1"/>
    <col min="1283" max="1283" width="14.85546875" style="20" customWidth="1"/>
    <col min="1284" max="1284" width="13.42578125" style="20" customWidth="1"/>
    <col min="1285" max="1285" width="14.42578125" style="20" customWidth="1"/>
    <col min="1286" max="1286" width="23.7109375" style="20" customWidth="1"/>
    <col min="1287" max="1287" width="17.85546875" style="20" customWidth="1"/>
    <col min="1288" max="1288" width="18.140625" style="20" customWidth="1"/>
    <col min="1289" max="1536" width="22.28515625" style="20"/>
    <col min="1537" max="1537" width="48" style="20" customWidth="1"/>
    <col min="1538" max="1538" width="20.7109375" style="20" customWidth="1"/>
    <col min="1539" max="1539" width="14.85546875" style="20" customWidth="1"/>
    <col min="1540" max="1540" width="13.42578125" style="20" customWidth="1"/>
    <col min="1541" max="1541" width="14.42578125" style="20" customWidth="1"/>
    <col min="1542" max="1542" width="23.7109375" style="20" customWidth="1"/>
    <col min="1543" max="1543" width="17.85546875" style="20" customWidth="1"/>
    <col min="1544" max="1544" width="18.140625" style="20" customWidth="1"/>
    <col min="1545" max="1792" width="22.28515625" style="20"/>
    <col min="1793" max="1793" width="48" style="20" customWidth="1"/>
    <col min="1794" max="1794" width="20.7109375" style="20" customWidth="1"/>
    <col min="1795" max="1795" width="14.85546875" style="20" customWidth="1"/>
    <col min="1796" max="1796" width="13.42578125" style="20" customWidth="1"/>
    <col min="1797" max="1797" width="14.42578125" style="20" customWidth="1"/>
    <col min="1798" max="1798" width="23.7109375" style="20" customWidth="1"/>
    <col min="1799" max="1799" width="17.85546875" style="20" customWidth="1"/>
    <col min="1800" max="1800" width="18.140625" style="20" customWidth="1"/>
    <col min="1801" max="2048" width="22.28515625" style="20"/>
    <col min="2049" max="2049" width="48" style="20" customWidth="1"/>
    <col min="2050" max="2050" width="20.7109375" style="20" customWidth="1"/>
    <col min="2051" max="2051" width="14.85546875" style="20" customWidth="1"/>
    <col min="2052" max="2052" width="13.42578125" style="20" customWidth="1"/>
    <col min="2053" max="2053" width="14.42578125" style="20" customWidth="1"/>
    <col min="2054" max="2054" width="23.7109375" style="20" customWidth="1"/>
    <col min="2055" max="2055" width="17.85546875" style="20" customWidth="1"/>
    <col min="2056" max="2056" width="18.140625" style="20" customWidth="1"/>
    <col min="2057" max="2304" width="22.28515625" style="20"/>
    <col min="2305" max="2305" width="48" style="20" customWidth="1"/>
    <col min="2306" max="2306" width="20.7109375" style="20" customWidth="1"/>
    <col min="2307" max="2307" width="14.85546875" style="20" customWidth="1"/>
    <col min="2308" max="2308" width="13.42578125" style="20" customWidth="1"/>
    <col min="2309" max="2309" width="14.42578125" style="20" customWidth="1"/>
    <col min="2310" max="2310" width="23.7109375" style="20" customWidth="1"/>
    <col min="2311" max="2311" width="17.85546875" style="20" customWidth="1"/>
    <col min="2312" max="2312" width="18.140625" style="20" customWidth="1"/>
    <col min="2313" max="2560" width="22.28515625" style="20"/>
    <col min="2561" max="2561" width="48" style="20" customWidth="1"/>
    <col min="2562" max="2562" width="20.7109375" style="20" customWidth="1"/>
    <col min="2563" max="2563" width="14.85546875" style="20" customWidth="1"/>
    <col min="2564" max="2564" width="13.42578125" style="20" customWidth="1"/>
    <col min="2565" max="2565" width="14.42578125" style="20" customWidth="1"/>
    <col min="2566" max="2566" width="23.7109375" style="20" customWidth="1"/>
    <col min="2567" max="2567" width="17.85546875" style="20" customWidth="1"/>
    <col min="2568" max="2568" width="18.140625" style="20" customWidth="1"/>
    <col min="2569" max="2816" width="22.28515625" style="20"/>
    <col min="2817" max="2817" width="48" style="20" customWidth="1"/>
    <col min="2818" max="2818" width="20.7109375" style="20" customWidth="1"/>
    <col min="2819" max="2819" width="14.85546875" style="20" customWidth="1"/>
    <col min="2820" max="2820" width="13.42578125" style="20" customWidth="1"/>
    <col min="2821" max="2821" width="14.42578125" style="20" customWidth="1"/>
    <col min="2822" max="2822" width="23.7109375" style="20" customWidth="1"/>
    <col min="2823" max="2823" width="17.85546875" style="20" customWidth="1"/>
    <col min="2824" max="2824" width="18.140625" style="20" customWidth="1"/>
    <col min="2825" max="3072" width="22.28515625" style="20"/>
    <col min="3073" max="3073" width="48" style="20" customWidth="1"/>
    <col min="3074" max="3074" width="20.7109375" style="20" customWidth="1"/>
    <col min="3075" max="3075" width="14.85546875" style="20" customWidth="1"/>
    <col min="3076" max="3076" width="13.42578125" style="20" customWidth="1"/>
    <col min="3077" max="3077" width="14.42578125" style="20" customWidth="1"/>
    <col min="3078" max="3078" width="23.7109375" style="20" customWidth="1"/>
    <col min="3079" max="3079" width="17.85546875" style="20" customWidth="1"/>
    <col min="3080" max="3080" width="18.140625" style="20" customWidth="1"/>
    <col min="3081" max="3328" width="22.28515625" style="20"/>
    <col min="3329" max="3329" width="48" style="20" customWidth="1"/>
    <col min="3330" max="3330" width="20.7109375" style="20" customWidth="1"/>
    <col min="3331" max="3331" width="14.85546875" style="20" customWidth="1"/>
    <col min="3332" max="3332" width="13.42578125" style="20" customWidth="1"/>
    <col min="3333" max="3333" width="14.42578125" style="20" customWidth="1"/>
    <col min="3334" max="3334" width="23.7109375" style="20" customWidth="1"/>
    <col min="3335" max="3335" width="17.85546875" style="20" customWidth="1"/>
    <col min="3336" max="3336" width="18.140625" style="20" customWidth="1"/>
    <col min="3337" max="3584" width="22.28515625" style="20"/>
    <col min="3585" max="3585" width="48" style="20" customWidth="1"/>
    <col min="3586" max="3586" width="20.7109375" style="20" customWidth="1"/>
    <col min="3587" max="3587" width="14.85546875" style="20" customWidth="1"/>
    <col min="3588" max="3588" width="13.42578125" style="20" customWidth="1"/>
    <col min="3589" max="3589" width="14.42578125" style="20" customWidth="1"/>
    <col min="3590" max="3590" width="23.7109375" style="20" customWidth="1"/>
    <col min="3591" max="3591" width="17.85546875" style="20" customWidth="1"/>
    <col min="3592" max="3592" width="18.140625" style="20" customWidth="1"/>
    <col min="3593" max="3840" width="22.28515625" style="20"/>
    <col min="3841" max="3841" width="48" style="20" customWidth="1"/>
    <col min="3842" max="3842" width="20.7109375" style="20" customWidth="1"/>
    <col min="3843" max="3843" width="14.85546875" style="20" customWidth="1"/>
    <col min="3844" max="3844" width="13.42578125" style="20" customWidth="1"/>
    <col min="3845" max="3845" width="14.42578125" style="20" customWidth="1"/>
    <col min="3846" max="3846" width="23.7109375" style="20" customWidth="1"/>
    <col min="3847" max="3847" width="17.85546875" style="20" customWidth="1"/>
    <col min="3848" max="3848" width="18.140625" style="20" customWidth="1"/>
    <col min="3849" max="4096" width="22.28515625" style="20"/>
    <col min="4097" max="4097" width="48" style="20" customWidth="1"/>
    <col min="4098" max="4098" width="20.7109375" style="20" customWidth="1"/>
    <col min="4099" max="4099" width="14.85546875" style="20" customWidth="1"/>
    <col min="4100" max="4100" width="13.42578125" style="20" customWidth="1"/>
    <col min="4101" max="4101" width="14.42578125" style="20" customWidth="1"/>
    <col min="4102" max="4102" width="23.7109375" style="20" customWidth="1"/>
    <col min="4103" max="4103" width="17.85546875" style="20" customWidth="1"/>
    <col min="4104" max="4104" width="18.140625" style="20" customWidth="1"/>
    <col min="4105" max="4352" width="22.28515625" style="20"/>
    <col min="4353" max="4353" width="48" style="20" customWidth="1"/>
    <col min="4354" max="4354" width="20.7109375" style="20" customWidth="1"/>
    <col min="4355" max="4355" width="14.85546875" style="20" customWidth="1"/>
    <col min="4356" max="4356" width="13.42578125" style="20" customWidth="1"/>
    <col min="4357" max="4357" width="14.42578125" style="20" customWidth="1"/>
    <col min="4358" max="4358" width="23.7109375" style="20" customWidth="1"/>
    <col min="4359" max="4359" width="17.85546875" style="20" customWidth="1"/>
    <col min="4360" max="4360" width="18.140625" style="20" customWidth="1"/>
    <col min="4361" max="4608" width="22.28515625" style="20"/>
    <col min="4609" max="4609" width="48" style="20" customWidth="1"/>
    <col min="4610" max="4610" width="20.7109375" style="20" customWidth="1"/>
    <col min="4611" max="4611" width="14.85546875" style="20" customWidth="1"/>
    <col min="4612" max="4612" width="13.42578125" style="20" customWidth="1"/>
    <col min="4613" max="4613" width="14.42578125" style="20" customWidth="1"/>
    <col min="4614" max="4614" width="23.7109375" style="20" customWidth="1"/>
    <col min="4615" max="4615" width="17.85546875" style="20" customWidth="1"/>
    <col min="4616" max="4616" width="18.140625" style="20" customWidth="1"/>
    <col min="4617" max="4864" width="22.28515625" style="20"/>
    <col min="4865" max="4865" width="48" style="20" customWidth="1"/>
    <col min="4866" max="4866" width="20.7109375" style="20" customWidth="1"/>
    <col min="4867" max="4867" width="14.85546875" style="20" customWidth="1"/>
    <col min="4868" max="4868" width="13.42578125" style="20" customWidth="1"/>
    <col min="4869" max="4869" width="14.42578125" style="20" customWidth="1"/>
    <col min="4870" max="4870" width="23.7109375" style="20" customWidth="1"/>
    <col min="4871" max="4871" width="17.85546875" style="20" customWidth="1"/>
    <col min="4872" max="4872" width="18.140625" style="20" customWidth="1"/>
    <col min="4873" max="5120" width="22.28515625" style="20"/>
    <col min="5121" max="5121" width="48" style="20" customWidth="1"/>
    <col min="5122" max="5122" width="20.7109375" style="20" customWidth="1"/>
    <col min="5123" max="5123" width="14.85546875" style="20" customWidth="1"/>
    <col min="5124" max="5124" width="13.42578125" style="20" customWidth="1"/>
    <col min="5125" max="5125" width="14.42578125" style="20" customWidth="1"/>
    <col min="5126" max="5126" width="23.7109375" style="20" customWidth="1"/>
    <col min="5127" max="5127" width="17.85546875" style="20" customWidth="1"/>
    <col min="5128" max="5128" width="18.140625" style="20" customWidth="1"/>
    <col min="5129" max="5376" width="22.28515625" style="20"/>
    <col min="5377" max="5377" width="48" style="20" customWidth="1"/>
    <col min="5378" max="5378" width="20.7109375" style="20" customWidth="1"/>
    <col min="5379" max="5379" width="14.85546875" style="20" customWidth="1"/>
    <col min="5380" max="5380" width="13.42578125" style="20" customWidth="1"/>
    <col min="5381" max="5381" width="14.42578125" style="20" customWidth="1"/>
    <col min="5382" max="5382" width="23.7109375" style="20" customWidth="1"/>
    <col min="5383" max="5383" width="17.85546875" style="20" customWidth="1"/>
    <col min="5384" max="5384" width="18.140625" style="20" customWidth="1"/>
    <col min="5385" max="5632" width="22.28515625" style="20"/>
    <col min="5633" max="5633" width="48" style="20" customWidth="1"/>
    <col min="5634" max="5634" width="20.7109375" style="20" customWidth="1"/>
    <col min="5635" max="5635" width="14.85546875" style="20" customWidth="1"/>
    <col min="5636" max="5636" width="13.42578125" style="20" customWidth="1"/>
    <col min="5637" max="5637" width="14.42578125" style="20" customWidth="1"/>
    <col min="5638" max="5638" width="23.7109375" style="20" customWidth="1"/>
    <col min="5639" max="5639" width="17.85546875" style="20" customWidth="1"/>
    <col min="5640" max="5640" width="18.140625" style="20" customWidth="1"/>
    <col min="5641" max="5888" width="22.28515625" style="20"/>
    <col min="5889" max="5889" width="48" style="20" customWidth="1"/>
    <col min="5890" max="5890" width="20.7109375" style="20" customWidth="1"/>
    <col min="5891" max="5891" width="14.85546875" style="20" customWidth="1"/>
    <col min="5892" max="5892" width="13.42578125" style="20" customWidth="1"/>
    <col min="5893" max="5893" width="14.42578125" style="20" customWidth="1"/>
    <col min="5894" max="5894" width="23.7109375" style="20" customWidth="1"/>
    <col min="5895" max="5895" width="17.85546875" style="20" customWidth="1"/>
    <col min="5896" max="5896" width="18.140625" style="20" customWidth="1"/>
    <col min="5897" max="6144" width="22.28515625" style="20"/>
    <col min="6145" max="6145" width="48" style="20" customWidth="1"/>
    <col min="6146" max="6146" width="20.7109375" style="20" customWidth="1"/>
    <col min="6147" max="6147" width="14.85546875" style="20" customWidth="1"/>
    <col min="6148" max="6148" width="13.42578125" style="20" customWidth="1"/>
    <col min="6149" max="6149" width="14.42578125" style="20" customWidth="1"/>
    <col min="6150" max="6150" width="23.7109375" style="20" customWidth="1"/>
    <col min="6151" max="6151" width="17.85546875" style="20" customWidth="1"/>
    <col min="6152" max="6152" width="18.140625" style="20" customWidth="1"/>
    <col min="6153" max="6400" width="22.28515625" style="20"/>
    <col min="6401" max="6401" width="48" style="20" customWidth="1"/>
    <col min="6402" max="6402" width="20.7109375" style="20" customWidth="1"/>
    <col min="6403" max="6403" width="14.85546875" style="20" customWidth="1"/>
    <col min="6404" max="6404" width="13.42578125" style="20" customWidth="1"/>
    <col min="6405" max="6405" width="14.42578125" style="20" customWidth="1"/>
    <col min="6406" max="6406" width="23.7109375" style="20" customWidth="1"/>
    <col min="6407" max="6407" width="17.85546875" style="20" customWidth="1"/>
    <col min="6408" max="6408" width="18.140625" style="20" customWidth="1"/>
    <col min="6409" max="6656" width="22.28515625" style="20"/>
    <col min="6657" max="6657" width="48" style="20" customWidth="1"/>
    <col min="6658" max="6658" width="20.7109375" style="20" customWidth="1"/>
    <col min="6659" max="6659" width="14.85546875" style="20" customWidth="1"/>
    <col min="6660" max="6660" width="13.42578125" style="20" customWidth="1"/>
    <col min="6661" max="6661" width="14.42578125" style="20" customWidth="1"/>
    <col min="6662" max="6662" width="23.7109375" style="20" customWidth="1"/>
    <col min="6663" max="6663" width="17.85546875" style="20" customWidth="1"/>
    <col min="6664" max="6664" width="18.140625" style="20" customWidth="1"/>
    <col min="6665" max="6912" width="22.28515625" style="20"/>
    <col min="6913" max="6913" width="48" style="20" customWidth="1"/>
    <col min="6914" max="6914" width="20.7109375" style="20" customWidth="1"/>
    <col min="6915" max="6915" width="14.85546875" style="20" customWidth="1"/>
    <col min="6916" max="6916" width="13.42578125" style="20" customWidth="1"/>
    <col min="6917" max="6917" width="14.42578125" style="20" customWidth="1"/>
    <col min="6918" max="6918" width="23.7109375" style="20" customWidth="1"/>
    <col min="6919" max="6919" width="17.85546875" style="20" customWidth="1"/>
    <col min="6920" max="6920" width="18.140625" style="20" customWidth="1"/>
    <col min="6921" max="7168" width="22.28515625" style="20"/>
    <col min="7169" max="7169" width="48" style="20" customWidth="1"/>
    <col min="7170" max="7170" width="20.7109375" style="20" customWidth="1"/>
    <col min="7171" max="7171" width="14.85546875" style="20" customWidth="1"/>
    <col min="7172" max="7172" width="13.42578125" style="20" customWidth="1"/>
    <col min="7173" max="7173" width="14.42578125" style="20" customWidth="1"/>
    <col min="7174" max="7174" width="23.7109375" style="20" customWidth="1"/>
    <col min="7175" max="7175" width="17.85546875" style="20" customWidth="1"/>
    <col min="7176" max="7176" width="18.140625" style="20" customWidth="1"/>
    <col min="7177" max="7424" width="22.28515625" style="20"/>
    <col min="7425" max="7425" width="48" style="20" customWidth="1"/>
    <col min="7426" max="7426" width="20.7109375" style="20" customWidth="1"/>
    <col min="7427" max="7427" width="14.85546875" style="20" customWidth="1"/>
    <col min="7428" max="7428" width="13.42578125" style="20" customWidth="1"/>
    <col min="7429" max="7429" width="14.42578125" style="20" customWidth="1"/>
    <col min="7430" max="7430" width="23.7109375" style="20" customWidth="1"/>
    <col min="7431" max="7431" width="17.85546875" style="20" customWidth="1"/>
    <col min="7432" max="7432" width="18.140625" style="20" customWidth="1"/>
    <col min="7433" max="7680" width="22.28515625" style="20"/>
    <col min="7681" max="7681" width="48" style="20" customWidth="1"/>
    <col min="7682" max="7682" width="20.7109375" style="20" customWidth="1"/>
    <col min="7683" max="7683" width="14.85546875" style="20" customWidth="1"/>
    <col min="7684" max="7684" width="13.42578125" style="20" customWidth="1"/>
    <col min="7685" max="7685" width="14.42578125" style="20" customWidth="1"/>
    <col min="7686" max="7686" width="23.7109375" style="20" customWidth="1"/>
    <col min="7687" max="7687" width="17.85546875" style="20" customWidth="1"/>
    <col min="7688" max="7688" width="18.140625" style="20" customWidth="1"/>
    <col min="7689" max="7936" width="22.28515625" style="20"/>
    <col min="7937" max="7937" width="48" style="20" customWidth="1"/>
    <col min="7938" max="7938" width="20.7109375" style="20" customWidth="1"/>
    <col min="7939" max="7939" width="14.85546875" style="20" customWidth="1"/>
    <col min="7940" max="7940" width="13.42578125" style="20" customWidth="1"/>
    <col min="7941" max="7941" width="14.42578125" style="20" customWidth="1"/>
    <col min="7942" max="7942" width="23.7109375" style="20" customWidth="1"/>
    <col min="7943" max="7943" width="17.85546875" style="20" customWidth="1"/>
    <col min="7944" max="7944" width="18.140625" style="20" customWidth="1"/>
    <col min="7945" max="8192" width="22.28515625" style="20"/>
    <col min="8193" max="8193" width="48" style="20" customWidth="1"/>
    <col min="8194" max="8194" width="20.7109375" style="20" customWidth="1"/>
    <col min="8195" max="8195" width="14.85546875" style="20" customWidth="1"/>
    <col min="8196" max="8196" width="13.42578125" style="20" customWidth="1"/>
    <col min="8197" max="8197" width="14.42578125" style="20" customWidth="1"/>
    <col min="8198" max="8198" width="23.7109375" style="20" customWidth="1"/>
    <col min="8199" max="8199" width="17.85546875" style="20" customWidth="1"/>
    <col min="8200" max="8200" width="18.140625" style="20" customWidth="1"/>
    <col min="8201" max="8448" width="22.28515625" style="20"/>
    <col min="8449" max="8449" width="48" style="20" customWidth="1"/>
    <col min="8450" max="8450" width="20.7109375" style="20" customWidth="1"/>
    <col min="8451" max="8451" width="14.85546875" style="20" customWidth="1"/>
    <col min="8452" max="8452" width="13.42578125" style="20" customWidth="1"/>
    <col min="8453" max="8453" width="14.42578125" style="20" customWidth="1"/>
    <col min="8454" max="8454" width="23.7109375" style="20" customWidth="1"/>
    <col min="8455" max="8455" width="17.85546875" style="20" customWidth="1"/>
    <col min="8456" max="8456" width="18.140625" style="20" customWidth="1"/>
    <col min="8457" max="8704" width="22.28515625" style="20"/>
    <col min="8705" max="8705" width="48" style="20" customWidth="1"/>
    <col min="8706" max="8706" width="20.7109375" style="20" customWidth="1"/>
    <col min="8707" max="8707" width="14.85546875" style="20" customWidth="1"/>
    <col min="8708" max="8708" width="13.42578125" style="20" customWidth="1"/>
    <col min="8709" max="8709" width="14.42578125" style="20" customWidth="1"/>
    <col min="8710" max="8710" width="23.7109375" style="20" customWidth="1"/>
    <col min="8711" max="8711" width="17.85546875" style="20" customWidth="1"/>
    <col min="8712" max="8712" width="18.140625" style="20" customWidth="1"/>
    <col min="8713" max="8960" width="22.28515625" style="20"/>
    <col min="8961" max="8961" width="48" style="20" customWidth="1"/>
    <col min="8962" max="8962" width="20.7109375" style="20" customWidth="1"/>
    <col min="8963" max="8963" width="14.85546875" style="20" customWidth="1"/>
    <col min="8964" max="8964" width="13.42578125" style="20" customWidth="1"/>
    <col min="8965" max="8965" width="14.42578125" style="20" customWidth="1"/>
    <col min="8966" max="8966" width="23.7109375" style="20" customWidth="1"/>
    <col min="8967" max="8967" width="17.85546875" style="20" customWidth="1"/>
    <col min="8968" max="8968" width="18.140625" style="20" customWidth="1"/>
    <col min="8969" max="9216" width="22.28515625" style="20"/>
    <col min="9217" max="9217" width="48" style="20" customWidth="1"/>
    <col min="9218" max="9218" width="20.7109375" style="20" customWidth="1"/>
    <col min="9219" max="9219" width="14.85546875" style="20" customWidth="1"/>
    <col min="9220" max="9220" width="13.42578125" style="20" customWidth="1"/>
    <col min="9221" max="9221" width="14.42578125" style="20" customWidth="1"/>
    <col min="9222" max="9222" width="23.7109375" style="20" customWidth="1"/>
    <col min="9223" max="9223" width="17.85546875" style="20" customWidth="1"/>
    <col min="9224" max="9224" width="18.140625" style="20" customWidth="1"/>
    <col min="9225" max="9472" width="22.28515625" style="20"/>
    <col min="9473" max="9473" width="48" style="20" customWidth="1"/>
    <col min="9474" max="9474" width="20.7109375" style="20" customWidth="1"/>
    <col min="9475" max="9475" width="14.85546875" style="20" customWidth="1"/>
    <col min="9476" max="9476" width="13.42578125" style="20" customWidth="1"/>
    <col min="9477" max="9477" width="14.42578125" style="20" customWidth="1"/>
    <col min="9478" max="9478" width="23.7109375" style="20" customWidth="1"/>
    <col min="9479" max="9479" width="17.85546875" style="20" customWidth="1"/>
    <col min="9480" max="9480" width="18.140625" style="20" customWidth="1"/>
    <col min="9481" max="9728" width="22.28515625" style="20"/>
    <col min="9729" max="9729" width="48" style="20" customWidth="1"/>
    <col min="9730" max="9730" width="20.7109375" style="20" customWidth="1"/>
    <col min="9731" max="9731" width="14.85546875" style="20" customWidth="1"/>
    <col min="9732" max="9732" width="13.42578125" style="20" customWidth="1"/>
    <col min="9733" max="9733" width="14.42578125" style="20" customWidth="1"/>
    <col min="9734" max="9734" width="23.7109375" style="20" customWidth="1"/>
    <col min="9735" max="9735" width="17.85546875" style="20" customWidth="1"/>
    <col min="9736" max="9736" width="18.140625" style="20" customWidth="1"/>
    <col min="9737" max="9984" width="22.28515625" style="20"/>
    <col min="9985" max="9985" width="48" style="20" customWidth="1"/>
    <col min="9986" max="9986" width="20.7109375" style="20" customWidth="1"/>
    <col min="9987" max="9987" width="14.85546875" style="20" customWidth="1"/>
    <col min="9988" max="9988" width="13.42578125" style="20" customWidth="1"/>
    <col min="9989" max="9989" width="14.42578125" style="20" customWidth="1"/>
    <col min="9990" max="9990" width="23.7109375" style="20" customWidth="1"/>
    <col min="9991" max="9991" width="17.85546875" style="20" customWidth="1"/>
    <col min="9992" max="9992" width="18.140625" style="20" customWidth="1"/>
    <col min="9993" max="10240" width="22.28515625" style="20"/>
    <col min="10241" max="10241" width="48" style="20" customWidth="1"/>
    <col min="10242" max="10242" width="20.7109375" style="20" customWidth="1"/>
    <col min="10243" max="10243" width="14.85546875" style="20" customWidth="1"/>
    <col min="10244" max="10244" width="13.42578125" style="20" customWidth="1"/>
    <col min="10245" max="10245" width="14.42578125" style="20" customWidth="1"/>
    <col min="10246" max="10246" width="23.7109375" style="20" customWidth="1"/>
    <col min="10247" max="10247" width="17.85546875" style="20" customWidth="1"/>
    <col min="10248" max="10248" width="18.140625" style="20" customWidth="1"/>
    <col min="10249" max="10496" width="22.28515625" style="20"/>
    <col min="10497" max="10497" width="48" style="20" customWidth="1"/>
    <col min="10498" max="10498" width="20.7109375" style="20" customWidth="1"/>
    <col min="10499" max="10499" width="14.85546875" style="20" customWidth="1"/>
    <col min="10500" max="10500" width="13.42578125" style="20" customWidth="1"/>
    <col min="10501" max="10501" width="14.42578125" style="20" customWidth="1"/>
    <col min="10502" max="10502" width="23.7109375" style="20" customWidth="1"/>
    <col min="10503" max="10503" width="17.85546875" style="20" customWidth="1"/>
    <col min="10504" max="10504" width="18.140625" style="20" customWidth="1"/>
    <col min="10505" max="10752" width="22.28515625" style="20"/>
    <col min="10753" max="10753" width="48" style="20" customWidth="1"/>
    <col min="10754" max="10754" width="20.7109375" style="20" customWidth="1"/>
    <col min="10755" max="10755" width="14.85546875" style="20" customWidth="1"/>
    <col min="10756" max="10756" width="13.42578125" style="20" customWidth="1"/>
    <col min="10757" max="10757" width="14.42578125" style="20" customWidth="1"/>
    <col min="10758" max="10758" width="23.7109375" style="20" customWidth="1"/>
    <col min="10759" max="10759" width="17.85546875" style="20" customWidth="1"/>
    <col min="10760" max="10760" width="18.140625" style="20" customWidth="1"/>
    <col min="10761" max="11008" width="22.28515625" style="20"/>
    <col min="11009" max="11009" width="48" style="20" customWidth="1"/>
    <col min="11010" max="11010" width="20.7109375" style="20" customWidth="1"/>
    <col min="11011" max="11011" width="14.85546875" style="20" customWidth="1"/>
    <col min="11012" max="11012" width="13.42578125" style="20" customWidth="1"/>
    <col min="11013" max="11013" width="14.42578125" style="20" customWidth="1"/>
    <col min="11014" max="11014" width="23.7109375" style="20" customWidth="1"/>
    <col min="11015" max="11015" width="17.85546875" style="20" customWidth="1"/>
    <col min="11016" max="11016" width="18.140625" style="20" customWidth="1"/>
    <col min="11017" max="11264" width="22.28515625" style="20"/>
    <col min="11265" max="11265" width="48" style="20" customWidth="1"/>
    <col min="11266" max="11266" width="20.7109375" style="20" customWidth="1"/>
    <col min="11267" max="11267" width="14.85546875" style="20" customWidth="1"/>
    <col min="11268" max="11268" width="13.42578125" style="20" customWidth="1"/>
    <col min="11269" max="11269" width="14.42578125" style="20" customWidth="1"/>
    <col min="11270" max="11270" width="23.7109375" style="20" customWidth="1"/>
    <col min="11271" max="11271" width="17.85546875" style="20" customWidth="1"/>
    <col min="11272" max="11272" width="18.140625" style="20" customWidth="1"/>
    <col min="11273" max="11520" width="22.28515625" style="20"/>
    <col min="11521" max="11521" width="48" style="20" customWidth="1"/>
    <col min="11522" max="11522" width="20.7109375" style="20" customWidth="1"/>
    <col min="11523" max="11523" width="14.85546875" style="20" customWidth="1"/>
    <col min="11524" max="11524" width="13.42578125" style="20" customWidth="1"/>
    <col min="11525" max="11525" width="14.42578125" style="20" customWidth="1"/>
    <col min="11526" max="11526" width="23.7109375" style="20" customWidth="1"/>
    <col min="11527" max="11527" width="17.85546875" style="20" customWidth="1"/>
    <col min="11528" max="11528" width="18.140625" style="20" customWidth="1"/>
    <col min="11529" max="11776" width="22.28515625" style="20"/>
    <col min="11777" max="11777" width="48" style="20" customWidth="1"/>
    <col min="11778" max="11778" width="20.7109375" style="20" customWidth="1"/>
    <col min="11779" max="11779" width="14.85546875" style="20" customWidth="1"/>
    <col min="11780" max="11780" width="13.42578125" style="20" customWidth="1"/>
    <col min="11781" max="11781" width="14.42578125" style="20" customWidth="1"/>
    <col min="11782" max="11782" width="23.7109375" style="20" customWidth="1"/>
    <col min="11783" max="11783" width="17.85546875" style="20" customWidth="1"/>
    <col min="11784" max="11784" width="18.140625" style="20" customWidth="1"/>
    <col min="11785" max="12032" width="22.28515625" style="20"/>
    <col min="12033" max="12033" width="48" style="20" customWidth="1"/>
    <col min="12034" max="12034" width="20.7109375" style="20" customWidth="1"/>
    <col min="12035" max="12035" width="14.85546875" style="20" customWidth="1"/>
    <col min="12036" max="12036" width="13.42578125" style="20" customWidth="1"/>
    <col min="12037" max="12037" width="14.42578125" style="20" customWidth="1"/>
    <col min="12038" max="12038" width="23.7109375" style="20" customWidth="1"/>
    <col min="12039" max="12039" width="17.85546875" style="20" customWidth="1"/>
    <col min="12040" max="12040" width="18.140625" style="20" customWidth="1"/>
    <col min="12041" max="12288" width="22.28515625" style="20"/>
    <col min="12289" max="12289" width="48" style="20" customWidth="1"/>
    <col min="12290" max="12290" width="20.7109375" style="20" customWidth="1"/>
    <col min="12291" max="12291" width="14.85546875" style="20" customWidth="1"/>
    <col min="12292" max="12292" width="13.42578125" style="20" customWidth="1"/>
    <col min="12293" max="12293" width="14.42578125" style="20" customWidth="1"/>
    <col min="12294" max="12294" width="23.7109375" style="20" customWidth="1"/>
    <col min="12295" max="12295" width="17.85546875" style="20" customWidth="1"/>
    <col min="12296" max="12296" width="18.140625" style="20" customWidth="1"/>
    <col min="12297" max="12544" width="22.28515625" style="20"/>
    <col min="12545" max="12545" width="48" style="20" customWidth="1"/>
    <col min="12546" max="12546" width="20.7109375" style="20" customWidth="1"/>
    <col min="12547" max="12547" width="14.85546875" style="20" customWidth="1"/>
    <col min="12548" max="12548" width="13.42578125" style="20" customWidth="1"/>
    <col min="12549" max="12549" width="14.42578125" style="20" customWidth="1"/>
    <col min="12550" max="12550" width="23.7109375" style="20" customWidth="1"/>
    <col min="12551" max="12551" width="17.85546875" style="20" customWidth="1"/>
    <col min="12552" max="12552" width="18.140625" style="20" customWidth="1"/>
    <col min="12553" max="12800" width="22.28515625" style="20"/>
    <col min="12801" max="12801" width="48" style="20" customWidth="1"/>
    <col min="12802" max="12802" width="20.7109375" style="20" customWidth="1"/>
    <col min="12803" max="12803" width="14.85546875" style="20" customWidth="1"/>
    <col min="12804" max="12804" width="13.42578125" style="20" customWidth="1"/>
    <col min="12805" max="12805" width="14.42578125" style="20" customWidth="1"/>
    <col min="12806" max="12806" width="23.7109375" style="20" customWidth="1"/>
    <col min="12807" max="12807" width="17.85546875" style="20" customWidth="1"/>
    <col min="12808" max="12808" width="18.140625" style="20" customWidth="1"/>
    <col min="12809" max="13056" width="22.28515625" style="20"/>
    <col min="13057" max="13057" width="48" style="20" customWidth="1"/>
    <col min="13058" max="13058" width="20.7109375" style="20" customWidth="1"/>
    <col min="13059" max="13059" width="14.85546875" style="20" customWidth="1"/>
    <col min="13060" max="13060" width="13.42578125" style="20" customWidth="1"/>
    <col min="13061" max="13061" width="14.42578125" style="20" customWidth="1"/>
    <col min="13062" max="13062" width="23.7109375" style="20" customWidth="1"/>
    <col min="13063" max="13063" width="17.85546875" style="20" customWidth="1"/>
    <col min="13064" max="13064" width="18.140625" style="20" customWidth="1"/>
    <col min="13065" max="13312" width="22.28515625" style="20"/>
    <col min="13313" max="13313" width="48" style="20" customWidth="1"/>
    <col min="13314" max="13314" width="20.7109375" style="20" customWidth="1"/>
    <col min="13315" max="13315" width="14.85546875" style="20" customWidth="1"/>
    <col min="13316" max="13316" width="13.42578125" style="20" customWidth="1"/>
    <col min="13317" max="13317" width="14.42578125" style="20" customWidth="1"/>
    <col min="13318" max="13318" width="23.7109375" style="20" customWidth="1"/>
    <col min="13319" max="13319" width="17.85546875" style="20" customWidth="1"/>
    <col min="13320" max="13320" width="18.140625" style="20" customWidth="1"/>
    <col min="13321" max="13568" width="22.28515625" style="20"/>
    <col min="13569" max="13569" width="48" style="20" customWidth="1"/>
    <col min="13570" max="13570" width="20.7109375" style="20" customWidth="1"/>
    <col min="13571" max="13571" width="14.85546875" style="20" customWidth="1"/>
    <col min="13572" max="13572" width="13.42578125" style="20" customWidth="1"/>
    <col min="13573" max="13573" width="14.42578125" style="20" customWidth="1"/>
    <col min="13574" max="13574" width="23.7109375" style="20" customWidth="1"/>
    <col min="13575" max="13575" width="17.85546875" style="20" customWidth="1"/>
    <col min="13576" max="13576" width="18.140625" style="20" customWidth="1"/>
    <col min="13577" max="13824" width="22.28515625" style="20"/>
    <col min="13825" max="13825" width="48" style="20" customWidth="1"/>
    <col min="13826" max="13826" width="20.7109375" style="20" customWidth="1"/>
    <col min="13827" max="13827" width="14.85546875" style="20" customWidth="1"/>
    <col min="13828" max="13828" width="13.42578125" style="20" customWidth="1"/>
    <col min="13829" max="13829" width="14.42578125" style="20" customWidth="1"/>
    <col min="13830" max="13830" width="23.7109375" style="20" customWidth="1"/>
    <col min="13831" max="13831" width="17.85546875" style="20" customWidth="1"/>
    <col min="13832" max="13832" width="18.140625" style="20" customWidth="1"/>
    <col min="13833" max="14080" width="22.28515625" style="20"/>
    <col min="14081" max="14081" width="48" style="20" customWidth="1"/>
    <col min="14082" max="14082" width="20.7109375" style="20" customWidth="1"/>
    <col min="14083" max="14083" width="14.85546875" style="20" customWidth="1"/>
    <col min="14084" max="14084" width="13.42578125" style="20" customWidth="1"/>
    <col min="14085" max="14085" width="14.42578125" style="20" customWidth="1"/>
    <col min="14086" max="14086" width="23.7109375" style="20" customWidth="1"/>
    <col min="14087" max="14087" width="17.85546875" style="20" customWidth="1"/>
    <col min="14088" max="14088" width="18.140625" style="20" customWidth="1"/>
    <col min="14089" max="14336" width="22.28515625" style="20"/>
    <col min="14337" max="14337" width="48" style="20" customWidth="1"/>
    <col min="14338" max="14338" width="20.7109375" style="20" customWidth="1"/>
    <col min="14339" max="14339" width="14.85546875" style="20" customWidth="1"/>
    <col min="14340" max="14340" width="13.42578125" style="20" customWidth="1"/>
    <col min="14341" max="14341" width="14.42578125" style="20" customWidth="1"/>
    <col min="14342" max="14342" width="23.7109375" style="20" customWidth="1"/>
    <col min="14343" max="14343" width="17.85546875" style="20" customWidth="1"/>
    <col min="14344" max="14344" width="18.140625" style="20" customWidth="1"/>
    <col min="14345" max="14592" width="22.28515625" style="20"/>
    <col min="14593" max="14593" width="48" style="20" customWidth="1"/>
    <col min="14594" max="14594" width="20.7109375" style="20" customWidth="1"/>
    <col min="14595" max="14595" width="14.85546875" style="20" customWidth="1"/>
    <col min="14596" max="14596" width="13.42578125" style="20" customWidth="1"/>
    <col min="14597" max="14597" width="14.42578125" style="20" customWidth="1"/>
    <col min="14598" max="14598" width="23.7109375" style="20" customWidth="1"/>
    <col min="14599" max="14599" width="17.85546875" style="20" customWidth="1"/>
    <col min="14600" max="14600" width="18.140625" style="20" customWidth="1"/>
    <col min="14601" max="14848" width="22.28515625" style="20"/>
    <col min="14849" max="14849" width="48" style="20" customWidth="1"/>
    <col min="14850" max="14850" width="20.7109375" style="20" customWidth="1"/>
    <col min="14851" max="14851" width="14.85546875" style="20" customWidth="1"/>
    <col min="14852" max="14852" width="13.42578125" style="20" customWidth="1"/>
    <col min="14853" max="14853" width="14.42578125" style="20" customWidth="1"/>
    <col min="14854" max="14854" width="23.7109375" style="20" customWidth="1"/>
    <col min="14855" max="14855" width="17.85546875" style="20" customWidth="1"/>
    <col min="14856" max="14856" width="18.140625" style="20" customWidth="1"/>
    <col min="14857" max="15104" width="22.28515625" style="20"/>
    <col min="15105" max="15105" width="48" style="20" customWidth="1"/>
    <col min="15106" max="15106" width="20.7109375" style="20" customWidth="1"/>
    <col min="15107" max="15107" width="14.85546875" style="20" customWidth="1"/>
    <col min="15108" max="15108" width="13.42578125" style="20" customWidth="1"/>
    <col min="15109" max="15109" width="14.42578125" style="20" customWidth="1"/>
    <col min="15110" max="15110" width="23.7109375" style="20" customWidth="1"/>
    <col min="15111" max="15111" width="17.85546875" style="20" customWidth="1"/>
    <col min="15112" max="15112" width="18.140625" style="20" customWidth="1"/>
    <col min="15113" max="15360" width="22.28515625" style="20"/>
    <col min="15361" max="15361" width="48" style="20" customWidth="1"/>
    <col min="15362" max="15362" width="20.7109375" style="20" customWidth="1"/>
    <col min="15363" max="15363" width="14.85546875" style="20" customWidth="1"/>
    <col min="15364" max="15364" width="13.42578125" style="20" customWidth="1"/>
    <col min="15365" max="15365" width="14.42578125" style="20" customWidth="1"/>
    <col min="15366" max="15366" width="23.7109375" style="20" customWidth="1"/>
    <col min="15367" max="15367" width="17.85546875" style="20" customWidth="1"/>
    <col min="15368" max="15368" width="18.140625" style="20" customWidth="1"/>
    <col min="15369" max="15616" width="22.28515625" style="20"/>
    <col min="15617" max="15617" width="48" style="20" customWidth="1"/>
    <col min="15618" max="15618" width="20.7109375" style="20" customWidth="1"/>
    <col min="15619" max="15619" width="14.85546875" style="20" customWidth="1"/>
    <col min="15620" max="15620" width="13.42578125" style="20" customWidth="1"/>
    <col min="15621" max="15621" width="14.42578125" style="20" customWidth="1"/>
    <col min="15622" max="15622" width="23.7109375" style="20" customWidth="1"/>
    <col min="15623" max="15623" width="17.85546875" style="20" customWidth="1"/>
    <col min="15624" max="15624" width="18.140625" style="20" customWidth="1"/>
    <col min="15625" max="15872" width="22.28515625" style="20"/>
    <col min="15873" max="15873" width="48" style="20" customWidth="1"/>
    <col min="15874" max="15874" width="20.7109375" style="20" customWidth="1"/>
    <col min="15875" max="15875" width="14.85546875" style="20" customWidth="1"/>
    <col min="15876" max="15876" width="13.42578125" style="20" customWidth="1"/>
    <col min="15877" max="15877" width="14.42578125" style="20" customWidth="1"/>
    <col min="15878" max="15878" width="23.7109375" style="20" customWidth="1"/>
    <col min="15879" max="15879" width="17.85546875" style="20" customWidth="1"/>
    <col min="15880" max="15880" width="18.140625" style="20" customWidth="1"/>
    <col min="15881" max="16128" width="22.28515625" style="20"/>
    <col min="16129" max="16129" width="48" style="20" customWidth="1"/>
    <col min="16130" max="16130" width="20.7109375" style="20" customWidth="1"/>
    <col min="16131" max="16131" width="14.85546875" style="20" customWidth="1"/>
    <col min="16132" max="16132" width="13.42578125" style="20" customWidth="1"/>
    <col min="16133" max="16133" width="14.42578125" style="20" customWidth="1"/>
    <col min="16134" max="16134" width="23.7109375" style="20" customWidth="1"/>
    <col min="16135" max="16135" width="17.85546875" style="20" customWidth="1"/>
    <col min="16136" max="16136" width="18.140625" style="20" customWidth="1"/>
    <col min="16137" max="16384" width="22.28515625" style="20"/>
  </cols>
  <sheetData>
    <row r="1" spans="1:8" x14ac:dyDescent="0.2">
      <c r="A1" s="700"/>
    </row>
    <row r="2" spans="1:8" ht="11.25" customHeight="1" x14ac:dyDescent="0.2"/>
    <row r="3" spans="1:8" ht="11.25" customHeight="1" x14ac:dyDescent="0.2">
      <c r="A3" s="1180" t="s">
        <v>641</v>
      </c>
      <c r="B3" s="1180"/>
      <c r="C3" s="1180"/>
      <c r="D3" s="1180"/>
      <c r="E3" s="1180"/>
      <c r="F3" s="1180"/>
      <c r="G3" s="1180"/>
      <c r="H3" s="1180"/>
    </row>
    <row r="4" spans="1:8" ht="11.25" customHeight="1" x14ac:dyDescent="0.2">
      <c r="A4" s="1180" t="s">
        <v>105</v>
      </c>
      <c r="B4" s="1180"/>
      <c r="C4" s="1180"/>
      <c r="D4" s="1180"/>
      <c r="E4" s="1180"/>
      <c r="F4" s="1180"/>
      <c r="G4" s="1180"/>
      <c r="H4" s="1180"/>
    </row>
    <row r="5" spans="1:8" ht="11.25" customHeight="1" x14ac:dyDescent="0.2">
      <c r="A5" s="1180" t="s">
        <v>939</v>
      </c>
      <c r="B5" s="1180"/>
      <c r="C5" s="1180"/>
      <c r="D5" s="1180"/>
      <c r="E5" s="1180"/>
      <c r="F5" s="1180"/>
      <c r="G5" s="1180"/>
      <c r="H5" s="1180"/>
    </row>
    <row r="6" spans="1:8" ht="11.25" customHeight="1" x14ac:dyDescent="0.2">
      <c r="A6" s="1180" t="s">
        <v>107</v>
      </c>
      <c r="B6" s="1180"/>
      <c r="C6" s="1180"/>
      <c r="D6" s="1180"/>
      <c r="E6" s="1180"/>
      <c r="F6" s="1180"/>
      <c r="G6" s="1180"/>
      <c r="H6" s="1180"/>
    </row>
    <row r="7" spans="1:8" ht="11.25" customHeight="1" x14ac:dyDescent="0.2">
      <c r="A7" s="1180" t="s">
        <v>881</v>
      </c>
      <c r="B7" s="1180"/>
      <c r="C7" s="1180"/>
      <c r="D7" s="1180"/>
      <c r="E7" s="1180"/>
      <c r="F7" s="1180"/>
      <c r="G7" s="1180"/>
      <c r="H7" s="1180"/>
    </row>
    <row r="8" spans="1:8" ht="11.25" customHeight="1" x14ac:dyDescent="0.2"/>
    <row r="9" spans="1:8" ht="11.25" customHeight="1" x14ac:dyDescent="0.2">
      <c r="A9" s="20" t="s">
        <v>918</v>
      </c>
      <c r="F9" s="715"/>
      <c r="G9" s="715"/>
      <c r="H9" s="660">
        <v>1</v>
      </c>
    </row>
    <row r="10" spans="1:8" ht="20.100000000000001" customHeight="1" x14ac:dyDescent="0.15">
      <c r="A10" s="1060" t="s">
        <v>110</v>
      </c>
      <c r="B10" s="745" t="s">
        <v>235</v>
      </c>
      <c r="C10" s="1174" t="s">
        <v>109</v>
      </c>
      <c r="D10" s="1175"/>
      <c r="E10" s="1175"/>
      <c r="F10" s="1175"/>
      <c r="G10" s="1176"/>
      <c r="H10" s="728" t="s">
        <v>919</v>
      </c>
    </row>
    <row r="11" spans="1:8" ht="20.100000000000001" customHeight="1" x14ac:dyDescent="0.2">
      <c r="A11" s="1057"/>
      <c r="B11" s="658" t="s">
        <v>116</v>
      </c>
      <c r="C11" s="1112" t="s">
        <v>117</v>
      </c>
      <c r="D11" s="1040"/>
      <c r="E11" s="1040"/>
      <c r="F11" s="1040"/>
      <c r="G11" s="1037"/>
      <c r="H11" s="659" t="s">
        <v>280</v>
      </c>
    </row>
    <row r="12" spans="1:8" s="237" customFormat="1" ht="11.25" customHeight="1" x14ac:dyDescent="0.2">
      <c r="A12" s="705" t="s">
        <v>920</v>
      </c>
      <c r="B12" s="719">
        <v>7652000</v>
      </c>
      <c r="C12" s="1181">
        <v>2430242.13</v>
      </c>
      <c r="D12" s="1182"/>
      <c r="E12" s="1182"/>
      <c r="F12" s="1182"/>
      <c r="G12" s="1183"/>
      <c r="H12" s="721">
        <v>5221757.87</v>
      </c>
    </row>
    <row r="13" spans="1:8" ht="11.25" customHeight="1" x14ac:dyDescent="0.2">
      <c r="A13" s="92" t="s">
        <v>921</v>
      </c>
      <c r="B13" s="720">
        <v>2056000</v>
      </c>
      <c r="C13" s="1184">
        <v>1909642.5</v>
      </c>
      <c r="D13" s="1185"/>
      <c r="E13" s="1185"/>
      <c r="F13" s="1185"/>
      <c r="G13" s="1186"/>
      <c r="H13" s="720">
        <v>146357.5</v>
      </c>
    </row>
    <row r="14" spans="1:8" ht="11.25" customHeight="1" x14ac:dyDescent="0.2">
      <c r="A14" s="92" t="s">
        <v>922</v>
      </c>
      <c r="B14" s="720">
        <v>5596000</v>
      </c>
      <c r="C14" s="1187">
        <v>520599.63</v>
      </c>
      <c r="D14" s="1188"/>
      <c r="E14" s="1188"/>
      <c r="F14" s="1188"/>
      <c r="G14" s="1189"/>
      <c r="H14" s="722">
        <v>5075400.37</v>
      </c>
    </row>
    <row r="15" spans="1:8" s="93" customFormat="1" ht="11.25" customHeight="1" x14ac:dyDescent="0.2">
      <c r="A15" s="701"/>
      <c r="B15" s="710"/>
      <c r="C15" s="725"/>
      <c r="D15" s="710"/>
      <c r="E15" s="710"/>
      <c r="F15" s="710"/>
      <c r="G15" s="710"/>
      <c r="H15" s="710"/>
    </row>
    <row r="16" spans="1:8" ht="20.25" customHeight="1" x14ac:dyDescent="0.2">
      <c r="A16" s="1035" t="s">
        <v>160</v>
      </c>
      <c r="B16" s="1171" t="s">
        <v>236</v>
      </c>
      <c r="C16" s="1162" t="s">
        <v>869</v>
      </c>
      <c r="D16" s="1163"/>
      <c r="E16" s="1163"/>
      <c r="F16" s="1164"/>
      <c r="G16" s="1031" t="s">
        <v>938</v>
      </c>
      <c r="H16" s="1110" t="s">
        <v>923</v>
      </c>
    </row>
    <row r="17" spans="1:13" ht="20.100000000000001" customHeight="1" x14ac:dyDescent="0.2">
      <c r="A17" s="1036"/>
      <c r="B17" s="1172"/>
      <c r="C17" s="1031" t="s">
        <v>871</v>
      </c>
      <c r="D17" s="1168" t="s">
        <v>870</v>
      </c>
      <c r="E17" s="1168" t="s">
        <v>924</v>
      </c>
      <c r="F17" s="1168" t="s">
        <v>348</v>
      </c>
      <c r="G17" s="1160"/>
      <c r="H17" s="1111"/>
    </row>
    <row r="18" spans="1:13" ht="20.100000000000001" customHeight="1" x14ac:dyDescent="0.2">
      <c r="A18" s="1036"/>
      <c r="B18" s="1169" t="s">
        <v>162</v>
      </c>
      <c r="C18" s="1160"/>
      <c r="D18" s="1169"/>
      <c r="E18" s="1169"/>
      <c r="F18" s="1169"/>
      <c r="G18" s="1160"/>
      <c r="H18" s="1190" t="s">
        <v>925</v>
      </c>
    </row>
    <row r="19" spans="1:13" ht="15" customHeight="1" x14ac:dyDescent="0.2">
      <c r="A19" s="1037"/>
      <c r="B19" s="1170"/>
      <c r="C19" s="1032"/>
      <c r="D19" s="1170"/>
      <c r="E19" s="708" t="s">
        <v>163</v>
      </c>
      <c r="F19" s="1170"/>
      <c r="G19" s="708" t="s">
        <v>233</v>
      </c>
      <c r="H19" s="1191"/>
    </row>
    <row r="20" spans="1:13" s="237" customFormat="1" ht="21" x14ac:dyDescent="0.2">
      <c r="A20" s="7" t="s">
        <v>926</v>
      </c>
      <c r="B20" s="721">
        <v>8621915</v>
      </c>
      <c r="C20" s="721">
        <v>206500</v>
      </c>
      <c r="D20" s="721">
        <v>206500</v>
      </c>
      <c r="E20" s="721">
        <v>206500</v>
      </c>
      <c r="F20" s="721">
        <v>0</v>
      </c>
      <c r="G20" s="721">
        <v>0</v>
      </c>
      <c r="H20" s="721">
        <v>8415415</v>
      </c>
    </row>
    <row r="21" spans="1:13" ht="11.25" customHeight="1" x14ac:dyDescent="0.2">
      <c r="A21" s="702" t="s">
        <v>205</v>
      </c>
      <c r="B21" s="813"/>
      <c r="C21" s="813"/>
      <c r="D21" s="814"/>
      <c r="E21" s="814"/>
      <c r="F21" s="815"/>
      <c r="G21" s="812"/>
      <c r="H21" s="811">
        <v>0</v>
      </c>
    </row>
    <row r="22" spans="1:13" ht="11.25" customHeight="1" x14ac:dyDescent="0.2">
      <c r="A22" s="702" t="s">
        <v>927</v>
      </c>
      <c r="B22" s="813">
        <v>8621915</v>
      </c>
      <c r="C22" s="813">
        <v>206500</v>
      </c>
      <c r="D22" s="812">
        <v>206500</v>
      </c>
      <c r="E22" s="812">
        <v>206500</v>
      </c>
      <c r="F22" s="812">
        <v>0</v>
      </c>
      <c r="G22" s="812">
        <v>0</v>
      </c>
      <c r="H22" s="811">
        <v>8415415</v>
      </c>
    </row>
    <row r="23" spans="1:13" ht="11.25" customHeight="1" x14ac:dyDescent="0.2">
      <c r="A23" s="702" t="s">
        <v>928</v>
      </c>
      <c r="B23" s="813"/>
      <c r="C23" s="813"/>
      <c r="D23" s="813"/>
      <c r="E23" s="813"/>
      <c r="F23" s="813"/>
      <c r="G23" s="813"/>
      <c r="H23" s="811">
        <v>0</v>
      </c>
    </row>
    <row r="24" spans="1:13" ht="11.25" customHeight="1" x14ac:dyDescent="0.2">
      <c r="A24" s="702" t="s">
        <v>929</v>
      </c>
      <c r="B24" s="813"/>
      <c r="C24" s="813"/>
      <c r="D24" s="813"/>
      <c r="E24" s="813"/>
      <c r="F24" s="813"/>
      <c r="G24" s="813"/>
      <c r="H24" s="811">
        <v>0</v>
      </c>
    </row>
    <row r="25" spans="1:13" ht="11.25" customHeight="1" x14ac:dyDescent="0.2">
      <c r="A25" s="702" t="s">
        <v>930</v>
      </c>
      <c r="B25" s="813"/>
      <c r="C25" s="813"/>
      <c r="D25" s="813"/>
      <c r="E25" s="813"/>
      <c r="F25" s="813"/>
      <c r="G25" s="813"/>
      <c r="H25" s="811">
        <v>0</v>
      </c>
    </row>
    <row r="26" spans="1:13" ht="11.25" customHeight="1" x14ac:dyDescent="0.2">
      <c r="A26" s="702" t="s">
        <v>931</v>
      </c>
      <c r="B26" s="813"/>
      <c r="C26" s="813"/>
      <c r="D26" s="813"/>
      <c r="E26" s="813"/>
      <c r="F26" s="813"/>
      <c r="G26" s="813"/>
      <c r="H26" s="811">
        <v>0</v>
      </c>
    </row>
    <row r="27" spans="1:13" ht="11.25" customHeight="1" x14ac:dyDescent="0.2">
      <c r="A27" s="702" t="s">
        <v>932</v>
      </c>
      <c r="B27" s="813"/>
      <c r="C27" s="813"/>
      <c r="D27" s="813"/>
      <c r="E27" s="813"/>
      <c r="F27" s="813"/>
      <c r="G27" s="813"/>
      <c r="H27" s="811">
        <v>0</v>
      </c>
    </row>
    <row r="28" spans="1:13" ht="11.25" customHeight="1" x14ac:dyDescent="0.2">
      <c r="A28" s="703"/>
      <c r="B28" s="711"/>
      <c r="C28" s="711"/>
      <c r="D28" s="711"/>
      <c r="E28" s="711"/>
      <c r="F28" s="711"/>
      <c r="G28" s="711"/>
      <c r="H28" s="718"/>
    </row>
    <row r="29" spans="1:13" ht="11.25" customHeight="1" x14ac:dyDescent="0.2">
      <c r="A29" s="1192" t="s">
        <v>933</v>
      </c>
      <c r="B29" s="712">
        <v>2014</v>
      </c>
      <c r="C29" s="869">
        <v>2015</v>
      </c>
      <c r="D29" s="1173"/>
      <c r="E29" s="1173"/>
      <c r="F29" s="1173"/>
      <c r="G29" s="877"/>
      <c r="H29" s="723" t="s">
        <v>934</v>
      </c>
    </row>
    <row r="30" spans="1:13" ht="11.25" customHeight="1" x14ac:dyDescent="0.2">
      <c r="A30" s="1193"/>
      <c r="B30" s="704" t="s">
        <v>165</v>
      </c>
      <c r="C30" s="716"/>
      <c r="D30" s="1167" t="s">
        <v>935</v>
      </c>
      <c r="E30" s="1167"/>
      <c r="F30" s="1167"/>
      <c r="G30" s="717"/>
      <c r="H30" s="716" t="s">
        <v>936</v>
      </c>
    </row>
    <row r="31" spans="1:13" s="237" customFormat="1" ht="14.25" customHeight="1" x14ac:dyDescent="0.2">
      <c r="A31" s="709" t="s">
        <v>937</v>
      </c>
      <c r="B31" s="726">
        <v>2982879.049999997</v>
      </c>
      <c r="C31" s="1177">
        <v>2223742.13</v>
      </c>
      <c r="D31" s="1178"/>
      <c r="E31" s="1178"/>
      <c r="F31" s="1178"/>
      <c r="G31" s="1179"/>
      <c r="H31" s="727">
        <v>5206621.1799999969</v>
      </c>
    </row>
    <row r="32" spans="1:13" ht="10.5" customHeight="1" x14ac:dyDescent="0.2">
      <c r="A32" s="300" t="s">
        <v>863</v>
      </c>
      <c r="B32" s="300"/>
      <c r="C32" s="300"/>
      <c r="D32" s="300"/>
      <c r="E32" s="300"/>
      <c r="F32" s="300"/>
      <c r="G32" s="300"/>
      <c r="H32" s="300"/>
      <c r="I32" s="535"/>
      <c r="J32" s="535"/>
      <c r="K32" s="535"/>
      <c r="L32" s="535"/>
      <c r="M32" s="535"/>
    </row>
    <row r="33" spans="1:8" s="93" customFormat="1" ht="11.25" customHeight="1" x14ac:dyDescent="0.2">
      <c r="A33" s="299"/>
      <c r="B33" s="299"/>
      <c r="C33" s="299"/>
      <c r="D33" s="299"/>
      <c r="E33" s="299"/>
      <c r="F33" s="299"/>
      <c r="G33" s="299"/>
      <c r="H33" s="299"/>
    </row>
    <row r="34" spans="1:8" s="93" customFormat="1" ht="11.25" customHeight="1" x14ac:dyDescent="0.2">
      <c r="A34" s="299"/>
      <c r="B34" s="299"/>
      <c r="C34" s="299"/>
      <c r="D34" s="299"/>
      <c r="E34" s="299"/>
      <c r="F34" s="299"/>
      <c r="G34" s="299"/>
      <c r="H34" s="299"/>
    </row>
    <row r="35" spans="1:8" s="93" customFormat="1" ht="11.25" customHeight="1" x14ac:dyDescent="0.2">
      <c r="A35" s="299"/>
      <c r="B35" s="299"/>
      <c r="C35" s="299"/>
      <c r="D35" s="299"/>
      <c r="E35" s="299"/>
      <c r="F35" s="299"/>
      <c r="G35" s="299"/>
      <c r="H35" s="299"/>
    </row>
    <row r="36" spans="1:8" s="93" customFormat="1" ht="11.25" customHeight="1" x14ac:dyDescent="0.2">
      <c r="A36" s="299"/>
      <c r="B36" s="299"/>
      <c r="C36" s="299"/>
      <c r="D36" s="299"/>
      <c r="E36" s="299"/>
      <c r="F36" s="299"/>
      <c r="G36" s="299"/>
      <c r="H36" s="299"/>
    </row>
    <row r="37" spans="1:8" s="93" customFormat="1" ht="11.25" customHeight="1" x14ac:dyDescent="0.2">
      <c r="A37" s="299"/>
      <c r="B37" s="299"/>
      <c r="C37" s="299"/>
      <c r="D37" s="299"/>
      <c r="E37" s="299"/>
      <c r="F37" s="299"/>
      <c r="G37" s="299"/>
      <c r="H37" s="299"/>
    </row>
    <row r="38" spans="1:8" s="93" customFormat="1" ht="11.25" customHeight="1" x14ac:dyDescent="0.2">
      <c r="A38" s="299"/>
      <c r="B38" s="299"/>
      <c r="C38" s="299"/>
      <c r="D38" s="299"/>
      <c r="E38" s="299"/>
      <c r="F38" s="299"/>
      <c r="G38" s="299"/>
      <c r="H38" s="299"/>
    </row>
    <row r="39" spans="1:8" s="50" customFormat="1" ht="11.25" customHeight="1" x14ac:dyDescent="0.2">
      <c r="B39" s="713"/>
      <c r="C39" s="713"/>
      <c r="D39" s="713"/>
      <c r="E39" s="713"/>
      <c r="F39" s="713"/>
      <c r="G39" s="713"/>
      <c r="H39" s="724"/>
    </row>
    <row r="40" spans="1:8" s="50" customFormat="1" ht="11.25" customHeight="1" x14ac:dyDescent="0.2">
      <c r="B40" s="713"/>
      <c r="C40" s="713"/>
      <c r="D40" s="713"/>
      <c r="E40" s="713"/>
      <c r="F40" s="713"/>
      <c r="G40" s="713"/>
      <c r="H40" s="724"/>
    </row>
    <row r="41" spans="1:8" s="50" customFormat="1" ht="11.25" customHeight="1" x14ac:dyDescent="0.2">
      <c r="B41" s="713"/>
      <c r="C41" s="713"/>
      <c r="D41" s="713"/>
      <c r="E41" s="713"/>
      <c r="F41" s="713"/>
      <c r="G41" s="713"/>
      <c r="H41" s="724"/>
    </row>
    <row r="42" spans="1:8" s="50" customFormat="1" ht="11.25" customHeight="1" x14ac:dyDescent="0.2">
      <c r="B42" s="713"/>
      <c r="C42" s="713"/>
      <c r="D42" s="713"/>
      <c r="E42" s="713"/>
      <c r="F42" s="713"/>
      <c r="G42" s="713"/>
      <c r="H42" s="724"/>
    </row>
    <row r="43" spans="1:8" s="50" customFormat="1" ht="11.25" customHeight="1" x14ac:dyDescent="0.2">
      <c r="B43" s="713"/>
      <c r="C43" s="713"/>
      <c r="D43" s="713"/>
      <c r="E43" s="713"/>
      <c r="F43" s="713"/>
      <c r="G43" s="713"/>
      <c r="H43" s="724"/>
    </row>
    <row r="44" spans="1:8" s="50" customFormat="1" ht="11.25" customHeight="1" x14ac:dyDescent="0.2">
      <c r="B44" s="713"/>
      <c r="C44" s="713"/>
      <c r="D44" s="713"/>
      <c r="E44" s="713"/>
      <c r="F44" s="713"/>
      <c r="G44" s="713"/>
      <c r="H44" s="724"/>
    </row>
    <row r="45" spans="1:8" s="50" customFormat="1" ht="11.25" customHeight="1" x14ac:dyDescent="0.2">
      <c r="B45" s="713"/>
      <c r="C45" s="713"/>
      <c r="D45" s="713"/>
      <c r="E45" s="713"/>
      <c r="F45" s="713"/>
      <c r="G45" s="713"/>
      <c r="H45" s="724"/>
    </row>
    <row r="46" spans="1:8" s="93" customFormat="1" ht="11.25" customHeight="1" x14ac:dyDescent="0.2">
      <c r="A46" s="299"/>
      <c r="B46" s="299"/>
      <c r="C46" s="299"/>
      <c r="D46" s="299"/>
      <c r="E46" s="299"/>
      <c r="F46" s="299"/>
      <c r="G46" s="299"/>
      <c r="H46" s="299"/>
    </row>
    <row r="47" spans="1:8" s="93" customFormat="1" ht="11.25" customHeight="1" x14ac:dyDescent="0.2">
      <c r="A47" s="299"/>
      <c r="B47" s="299"/>
      <c r="C47" s="299"/>
      <c r="D47" s="299"/>
      <c r="E47" s="299"/>
      <c r="F47" s="299"/>
      <c r="G47" s="299"/>
      <c r="H47" s="299"/>
    </row>
    <row r="48" spans="1:8" s="93" customFormat="1" ht="11.25" customHeight="1" x14ac:dyDescent="0.2">
      <c r="A48" s="299"/>
      <c r="B48" s="299"/>
      <c r="C48" s="299"/>
      <c r="D48" s="299"/>
      <c r="E48" s="299"/>
      <c r="F48" s="299"/>
      <c r="G48" s="299"/>
      <c r="H48" s="299"/>
    </row>
    <row r="49" spans="1:8" s="93" customFormat="1" ht="11.25" customHeight="1" x14ac:dyDescent="0.2">
      <c r="A49" s="299"/>
      <c r="B49" s="299"/>
      <c r="C49" s="299"/>
      <c r="D49" s="299"/>
      <c r="E49" s="299"/>
      <c r="F49" s="299"/>
      <c r="G49" s="299"/>
      <c r="H49" s="299"/>
    </row>
    <row r="50" spans="1:8" s="93" customFormat="1" ht="11.25" customHeight="1" x14ac:dyDescent="0.2">
      <c r="A50" s="299"/>
      <c r="B50" s="299"/>
      <c r="C50" s="299"/>
      <c r="D50" s="299"/>
      <c r="E50" s="299"/>
      <c r="F50" s="299"/>
      <c r="G50" s="299"/>
      <c r="H50" s="299"/>
    </row>
    <row r="51" spans="1:8" s="289" customFormat="1" x14ac:dyDescent="0.2">
      <c r="B51" s="714"/>
      <c r="C51" s="714"/>
      <c r="D51" s="714"/>
      <c r="E51" s="714"/>
      <c r="F51" s="714"/>
      <c r="G51" s="714"/>
      <c r="H51" s="495"/>
    </row>
    <row r="52" spans="1:8" s="289" customFormat="1" x14ac:dyDescent="0.2">
      <c r="B52" s="714"/>
      <c r="C52" s="714"/>
      <c r="D52" s="714"/>
      <c r="E52" s="714"/>
      <c r="F52" s="714"/>
      <c r="G52" s="714"/>
      <c r="H52" s="495"/>
    </row>
    <row r="53" spans="1:8" s="289" customFormat="1" x14ac:dyDescent="0.2">
      <c r="B53" s="714"/>
      <c r="C53" s="714"/>
      <c r="D53" s="714"/>
      <c r="E53" s="714"/>
      <c r="F53" s="714"/>
      <c r="G53" s="714"/>
      <c r="H53" s="495"/>
    </row>
  </sheetData>
  <customSheetViews>
    <customSheetView guid="{6DBFA32C-4AA4-4E1D-9A48-697377C64CC3}" showPageBreaks="1" showGridLines="0" fitToPage="1" printArea="1" topLeftCell="A7">
      <selection activeCell="I22" sqref="I22"/>
      <pageMargins left="0.19685039370078741" right="0.19685039370078741" top="0.59055118110236227" bottom="0" header="0" footer="0"/>
      <printOptions horizontalCentered="1"/>
      <pageSetup paperSize="9" scale="60" orientation="portrait" r:id="rId1"/>
    </customSheetView>
    <customSheetView guid="{25EF1E0D-169B-4051-B414-7E1196FC05E4}" showPageBreaks="1" topLeftCell="A7">
      <selection activeCell="M99" sqref="M99"/>
      <pageMargins left="0.511811024" right="0.511811024" top="0.78740157499999996" bottom="0.78740157499999996" header="0.31496062000000002" footer="0.31496062000000002"/>
      <pageSetup paperSize="9" orientation="portrait" r:id="rId2"/>
    </customSheetView>
    <customSheetView guid="{82EDB5A4-4824-4632-A540-7A52C92F04C7}" showPageBreaks="1" showGridLines="0" fitToPage="1" printArea="1" topLeftCell="A10">
      <selection activeCell="C13" sqref="C13:G13"/>
      <pageMargins left="0.19685039370078741" right="0.19685039370078741" top="0.59055118110236227" bottom="0" header="0" footer="0"/>
      <printOptions horizontalCentered="1"/>
      <pageSetup paperSize="9" scale="61" orientation="portrait" r:id="rId3"/>
    </customSheetView>
    <customSheetView guid="{3AAF6A5F-F9AA-430B-9AD9-1261ECDF41B5}" showPageBreaks="1" showGridLines="0" fitToPage="1" printArea="1" topLeftCell="A13">
      <selection activeCell="B30" sqref="B30"/>
      <pageMargins left="0.19685039370078741" right="0.19685039370078741" top="0.59055118110236227" bottom="0" header="0" footer="0"/>
      <printOptions horizontalCentered="1"/>
      <pageSetup paperSize="9" scale="60" orientation="portrait" r:id="rId4"/>
    </customSheetView>
    <customSheetView guid="{C779D862-DE28-46CD-A428-4AAA1056D1E1}" showGridLines="0" fitToPage="1" printArea="1" topLeftCell="A7">
      <selection activeCell="I19" sqref="I19"/>
      <pageMargins left="0.19685039370078741" right="0.19685039370078741" top="0.59055118110236227" bottom="0.19685039370078741" header="0" footer="0"/>
      <printOptions horizontalCentered="1"/>
      <pageSetup paperSize="9" scale="60" orientation="portrait" r:id="rId5"/>
    </customSheetView>
  </customSheetViews>
  <mergeCells count="26">
    <mergeCell ref="A10:A11"/>
    <mergeCell ref="C10:G10"/>
    <mergeCell ref="C11:G11"/>
    <mergeCell ref="C31:G31"/>
    <mergeCell ref="A3:H3"/>
    <mergeCell ref="A4:H4"/>
    <mergeCell ref="A5:H5"/>
    <mergeCell ref="A6:H6"/>
    <mergeCell ref="A7:H7"/>
    <mergeCell ref="C12:G12"/>
    <mergeCell ref="C13:G13"/>
    <mergeCell ref="C14:G14"/>
    <mergeCell ref="H16:H17"/>
    <mergeCell ref="H18:H19"/>
    <mergeCell ref="C16:F16"/>
    <mergeCell ref="A29:A30"/>
    <mergeCell ref="A16:A19"/>
    <mergeCell ref="D30:F30"/>
    <mergeCell ref="D17:D19"/>
    <mergeCell ref="B16:B17"/>
    <mergeCell ref="B18:B19"/>
    <mergeCell ref="E17:E18"/>
    <mergeCell ref="C29:G29"/>
    <mergeCell ref="F17:F19"/>
    <mergeCell ref="G16:G18"/>
    <mergeCell ref="C17:C19"/>
  </mergeCells>
  <printOptions horizontalCentered="1"/>
  <pageMargins left="0.19685039370078741" right="0.19685039370078741" top="0.59055118110236227" bottom="0" header="0" footer="0"/>
  <pageSetup paperSize="9" scale="59" orientation="portrait" r:id="rId6"/>
  <drawing r:id="rId7"/>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H136"/>
  <sheetViews>
    <sheetView showGridLines="0" zoomScaleNormal="100" workbookViewId="0"/>
  </sheetViews>
  <sheetFormatPr defaultRowHeight="10.5" x14ac:dyDescent="0.2"/>
  <cols>
    <col min="1" max="1" width="63.140625" style="85" customWidth="1"/>
    <col min="2" max="2" width="19" style="85" bestFit="1" customWidth="1"/>
    <col min="3" max="3" width="19.5703125" style="85" customWidth="1"/>
    <col min="4" max="4" width="19" style="85" customWidth="1"/>
    <col min="5" max="5" width="17.28515625" style="85" customWidth="1"/>
    <col min="6" max="6" width="19" style="85" bestFit="1" customWidth="1"/>
    <col min="7" max="7" width="17.85546875" style="85" customWidth="1"/>
    <col min="8" max="8" width="15.7109375" style="85" customWidth="1"/>
    <col min="9" max="16384" width="9.140625" style="85"/>
  </cols>
  <sheetData>
    <row r="1" spans="1:8" s="146" customFormat="1" x14ac:dyDescent="0.2">
      <c r="A1" s="144"/>
      <c r="B1" s="144"/>
      <c r="C1" s="144"/>
      <c r="D1" s="144"/>
      <c r="E1" s="144"/>
      <c r="F1" s="144"/>
      <c r="G1" s="144"/>
    </row>
    <row r="2" spans="1:8" s="146" customFormat="1" x14ac:dyDescent="0.2">
      <c r="A2" s="147"/>
      <c r="B2" s="147"/>
      <c r="C2" s="147"/>
      <c r="D2" s="147"/>
      <c r="E2" s="147"/>
      <c r="F2" s="401"/>
    </row>
    <row r="3" spans="1:8" s="150" customFormat="1" x14ac:dyDescent="0.2">
      <c r="A3" s="1194" t="s">
        <v>641</v>
      </c>
      <c r="B3" s="1194"/>
      <c r="C3" s="1194"/>
      <c r="D3" s="1194"/>
      <c r="E3" s="1194"/>
      <c r="F3" s="1194"/>
      <c r="G3" s="1194"/>
      <c r="H3" s="1194"/>
    </row>
    <row r="4" spans="1:8" s="150" customFormat="1" x14ac:dyDescent="0.2">
      <c r="A4" s="1194" t="s">
        <v>105</v>
      </c>
      <c r="B4" s="1194"/>
      <c r="C4" s="1194"/>
      <c r="D4" s="1194"/>
      <c r="E4" s="1194"/>
      <c r="F4" s="1194"/>
      <c r="G4" s="1194"/>
      <c r="H4" s="1194"/>
    </row>
    <row r="5" spans="1:8" s="150" customFormat="1" x14ac:dyDescent="0.2">
      <c r="A5" s="1150" t="s">
        <v>393</v>
      </c>
      <c r="B5" s="1150"/>
      <c r="C5" s="1150"/>
      <c r="D5" s="1150"/>
      <c r="E5" s="1150"/>
      <c r="F5" s="1150"/>
      <c r="G5" s="1150"/>
      <c r="H5" s="1150"/>
    </row>
    <row r="6" spans="1:8" s="150" customFormat="1" x14ac:dyDescent="0.2">
      <c r="A6" s="1194" t="s">
        <v>107</v>
      </c>
      <c r="B6" s="1194"/>
      <c r="C6" s="1194"/>
      <c r="D6" s="1194"/>
      <c r="E6" s="1194"/>
      <c r="F6" s="1194"/>
      <c r="G6" s="1194"/>
      <c r="H6" s="1194"/>
    </row>
    <row r="7" spans="1:8" s="150" customFormat="1" x14ac:dyDescent="0.2">
      <c r="A7" s="1194" t="s">
        <v>881</v>
      </c>
      <c r="B7" s="1194"/>
      <c r="C7" s="1194"/>
      <c r="D7" s="1194"/>
      <c r="E7" s="1194"/>
      <c r="F7" s="1194"/>
      <c r="G7" s="1194"/>
      <c r="H7" s="1194"/>
    </row>
    <row r="8" spans="1:8" s="146" customFormat="1" x14ac:dyDescent="0.2">
      <c r="A8" s="147"/>
      <c r="B8" s="147"/>
      <c r="C8" s="147"/>
      <c r="D8" s="147"/>
      <c r="E8" s="147"/>
    </row>
    <row r="9" spans="1:8" s="146" customFormat="1" x14ac:dyDescent="0.2">
      <c r="A9" s="148" t="s">
        <v>417</v>
      </c>
      <c r="B9" s="145"/>
      <c r="C9" s="145"/>
      <c r="D9" s="145"/>
      <c r="H9" s="240">
        <v>1</v>
      </c>
    </row>
    <row r="10" spans="1:8" ht="15" customHeight="1" x14ac:dyDescent="0.2">
      <c r="A10" s="1035" t="s">
        <v>394</v>
      </c>
      <c r="B10" s="1031" t="s">
        <v>429</v>
      </c>
      <c r="C10" s="1028" t="s">
        <v>235</v>
      </c>
      <c r="D10" s="1060"/>
      <c r="E10" s="1033" t="s">
        <v>109</v>
      </c>
      <c r="F10" s="1044"/>
      <c r="G10" s="1044"/>
      <c r="H10" s="1044"/>
    </row>
    <row r="11" spans="1:8" ht="15" customHeight="1" x14ac:dyDescent="0.2">
      <c r="A11" s="1036"/>
      <c r="B11" s="1160"/>
      <c r="C11" s="1029"/>
      <c r="D11" s="1056"/>
      <c r="E11" s="1028" t="s">
        <v>115</v>
      </c>
      <c r="F11" s="1060"/>
      <c r="G11" s="1028" t="s">
        <v>114</v>
      </c>
      <c r="H11" s="1041"/>
    </row>
    <row r="12" spans="1:8" ht="15" customHeight="1" x14ac:dyDescent="0.2">
      <c r="A12" s="1037"/>
      <c r="B12" s="1032"/>
      <c r="C12" s="1151" t="s">
        <v>116</v>
      </c>
      <c r="D12" s="1152"/>
      <c r="E12" s="1151" t="s">
        <v>117</v>
      </c>
      <c r="F12" s="1152"/>
      <c r="G12" s="1151" t="s">
        <v>224</v>
      </c>
      <c r="H12" s="1226"/>
    </row>
    <row r="13" spans="1:8" s="306" customFormat="1" ht="15" customHeight="1" x14ac:dyDescent="0.2">
      <c r="A13" s="107" t="s">
        <v>405</v>
      </c>
      <c r="B13" s="379">
        <v>7821678000</v>
      </c>
      <c r="C13" s="1053">
        <v>8107565435.5100012</v>
      </c>
      <c r="D13" s="1197"/>
      <c r="E13" s="1053">
        <v>8092141678.1300011</v>
      </c>
      <c r="F13" s="1197">
        <v>524268779.40999997</v>
      </c>
      <c r="G13" s="1053">
        <v>99.809760926351004</v>
      </c>
      <c r="H13" s="1054"/>
    </row>
    <row r="14" spans="1:8" x14ac:dyDescent="0.2">
      <c r="A14" s="91" t="s">
        <v>406</v>
      </c>
      <c r="B14" s="378">
        <v>105800000</v>
      </c>
      <c r="C14" s="1045">
        <v>116059851.18000001</v>
      </c>
      <c r="D14" s="1046">
        <v>116059851.18000001</v>
      </c>
      <c r="E14" s="1045">
        <v>116059851.18000001</v>
      </c>
      <c r="F14" s="1046">
        <v>116059851.18000001</v>
      </c>
      <c r="G14" s="1045">
        <v>100</v>
      </c>
      <c r="H14" s="1071">
        <v>100</v>
      </c>
    </row>
    <row r="15" spans="1:8" ht="21" x14ac:dyDescent="0.2">
      <c r="A15" s="91" t="s">
        <v>441</v>
      </c>
      <c r="B15" s="378">
        <v>6815191000</v>
      </c>
      <c r="C15" s="1045">
        <v>7002211608.0600004</v>
      </c>
      <c r="D15" s="1046"/>
      <c r="E15" s="1045">
        <v>6994257809.0500002</v>
      </c>
      <c r="F15" s="1046"/>
      <c r="G15" s="1045">
        <v>99.886410187877715</v>
      </c>
      <c r="H15" s="1071"/>
    </row>
    <row r="16" spans="1:8" x14ac:dyDescent="0.2">
      <c r="A16" s="91" t="s">
        <v>407</v>
      </c>
      <c r="B16" s="378">
        <v>329900000</v>
      </c>
      <c r="C16" s="1045">
        <v>351264420.38</v>
      </c>
      <c r="D16" s="1046"/>
      <c r="E16" s="1045">
        <v>351264420.38</v>
      </c>
      <c r="F16" s="1046"/>
      <c r="G16" s="1045">
        <v>100</v>
      </c>
      <c r="H16" s="1071"/>
    </row>
    <row r="17" spans="1:8" ht="12.75" customHeight="1" x14ac:dyDescent="0.2">
      <c r="A17" s="91" t="s">
        <v>395</v>
      </c>
      <c r="B17" s="378">
        <v>510400000</v>
      </c>
      <c r="C17" s="1045">
        <v>573615089.67000008</v>
      </c>
      <c r="D17" s="1046"/>
      <c r="E17" s="1045">
        <v>573615089.67000008</v>
      </c>
      <c r="F17" s="1046"/>
      <c r="G17" s="1045">
        <v>100</v>
      </c>
      <c r="H17" s="1071"/>
    </row>
    <row r="18" spans="1:8" ht="10.5" customHeight="1" x14ac:dyDescent="0.2">
      <c r="A18" s="91" t="s">
        <v>408</v>
      </c>
      <c r="B18" s="377">
        <v>52910000</v>
      </c>
      <c r="C18" s="1198">
        <v>52910000</v>
      </c>
      <c r="D18" s="1199"/>
      <c r="E18" s="1045">
        <v>45440041.630000003</v>
      </c>
      <c r="F18" s="1046">
        <v>45440041.630000003</v>
      </c>
      <c r="G18" s="1045">
        <v>85.881764562464568</v>
      </c>
      <c r="H18" s="1071"/>
    </row>
    <row r="19" spans="1:8" ht="12.75" customHeight="1" x14ac:dyDescent="0.2">
      <c r="A19" s="91" t="s">
        <v>409</v>
      </c>
      <c r="B19" s="378">
        <v>7477000</v>
      </c>
      <c r="C19" s="1200">
        <v>11504466.220000001</v>
      </c>
      <c r="D19" s="1201"/>
      <c r="E19" s="1045">
        <v>11504466.220000001</v>
      </c>
      <c r="F19" s="1046">
        <v>11504466.220000001</v>
      </c>
      <c r="G19" s="1045">
        <v>100</v>
      </c>
      <c r="H19" s="1071"/>
    </row>
    <row r="20" spans="1:8" ht="12.75" customHeight="1" x14ac:dyDescent="0.2">
      <c r="A20" s="91" t="s">
        <v>410</v>
      </c>
      <c r="B20" s="378">
        <v>0</v>
      </c>
      <c r="C20" s="1045">
        <v>0</v>
      </c>
      <c r="D20" s="1046"/>
      <c r="E20" s="1045">
        <v>0</v>
      </c>
      <c r="F20" s="1046">
        <v>351264420.38</v>
      </c>
      <c r="G20" s="1045">
        <v>0</v>
      </c>
      <c r="H20" s="1071"/>
    </row>
    <row r="21" spans="1:8" s="306" customFormat="1" ht="15" customHeight="1" x14ac:dyDescent="0.2">
      <c r="A21" s="307" t="s">
        <v>442</v>
      </c>
      <c r="B21" s="380">
        <v>1158800000</v>
      </c>
      <c r="C21" s="1063">
        <v>1180055207.0599999</v>
      </c>
      <c r="D21" s="1064">
        <v>1180055207.0599999</v>
      </c>
      <c r="E21" s="1063">
        <v>1126921832.3299999</v>
      </c>
      <c r="F21" s="1195"/>
      <c r="G21" s="1063">
        <v>95.497382290920356</v>
      </c>
      <c r="H21" s="1196"/>
    </row>
    <row r="22" spans="1:8" x14ac:dyDescent="0.2">
      <c r="A22" s="91" t="s">
        <v>411</v>
      </c>
      <c r="B22" s="381">
        <v>1070500000</v>
      </c>
      <c r="C22" s="1045">
        <v>1070500000</v>
      </c>
      <c r="D22" s="1046">
        <v>1070500000</v>
      </c>
      <c r="E22" s="1045">
        <v>1017409869</v>
      </c>
      <c r="F22" s="1046">
        <v>1017409869</v>
      </c>
      <c r="G22" s="1045">
        <v>95.040622979915923</v>
      </c>
      <c r="H22" s="1071">
        <v>95.040622979915923</v>
      </c>
    </row>
    <row r="23" spans="1:8" x14ac:dyDescent="0.2">
      <c r="A23" s="91" t="s">
        <v>412</v>
      </c>
      <c r="B23" s="381">
        <v>70200000</v>
      </c>
      <c r="C23" s="1045">
        <v>91455207.060000002</v>
      </c>
      <c r="D23" s="1046">
        <v>18100000</v>
      </c>
      <c r="E23" s="1045">
        <v>91455207.060000002</v>
      </c>
      <c r="F23" s="1046">
        <v>18056756.27</v>
      </c>
      <c r="G23" s="1045">
        <v>0</v>
      </c>
      <c r="H23" s="1071">
        <v>99.76108436464088</v>
      </c>
    </row>
    <row r="24" spans="1:8" ht="21" x14ac:dyDescent="0.2">
      <c r="A24" s="91" t="s">
        <v>413</v>
      </c>
      <c r="B24" s="381">
        <v>18100000</v>
      </c>
      <c r="C24" s="1045">
        <v>18100000</v>
      </c>
      <c r="D24" s="1046">
        <v>91455207.060000002</v>
      </c>
      <c r="E24" s="1045">
        <v>18056756.27</v>
      </c>
      <c r="F24" s="1046">
        <v>91455207.060000002</v>
      </c>
      <c r="G24" s="1045">
        <v>99.76108436464088</v>
      </c>
      <c r="H24" s="1071">
        <v>100</v>
      </c>
    </row>
    <row r="25" spans="1:8" x14ac:dyDescent="0.2">
      <c r="A25" s="91" t="s">
        <v>414</v>
      </c>
      <c r="B25" s="381">
        <v>18100000</v>
      </c>
      <c r="C25" s="1045">
        <v>18100000</v>
      </c>
      <c r="D25" s="1046">
        <v>0</v>
      </c>
      <c r="E25" s="1045">
        <v>18056756.27</v>
      </c>
      <c r="F25" s="1046">
        <v>0</v>
      </c>
      <c r="G25" s="1045">
        <v>0</v>
      </c>
      <c r="H25" s="1071">
        <v>0</v>
      </c>
    </row>
    <row r="26" spans="1:8" x14ac:dyDescent="0.2">
      <c r="A26" s="91" t="s">
        <v>415</v>
      </c>
      <c r="B26" s="381">
        <v>0</v>
      </c>
      <c r="C26" s="1045">
        <v>0</v>
      </c>
      <c r="D26" s="1046"/>
      <c r="E26" s="1045">
        <v>0</v>
      </c>
      <c r="F26" s="1046"/>
      <c r="G26" s="1045">
        <v>0</v>
      </c>
      <c r="H26" s="1071">
        <v>99.261843966841539</v>
      </c>
    </row>
    <row r="27" spans="1:8" s="306" customFormat="1" ht="25.5" customHeight="1" x14ac:dyDescent="0.2">
      <c r="A27" s="307" t="s">
        <v>443</v>
      </c>
      <c r="B27" s="379">
        <v>1886172750</v>
      </c>
      <c r="C27" s="1063">
        <v>1949968460.7900002</v>
      </c>
      <c r="D27" s="1064">
        <v>1949968460.7900002</v>
      </c>
      <c r="E27" s="1063">
        <v>1948587802.7350001</v>
      </c>
      <c r="F27" s="1064">
        <v>1948587802.7350001</v>
      </c>
      <c r="G27" s="1063">
        <v>99.929195877637895</v>
      </c>
      <c r="H27" s="1196">
        <v>299.90981644330191</v>
      </c>
    </row>
    <row r="28" spans="1:8" x14ac:dyDescent="0.2">
      <c r="A28" s="91" t="s">
        <v>444</v>
      </c>
      <c r="B28" s="381">
        <v>1696655250</v>
      </c>
      <c r="C28" s="1045">
        <v>1744379588.3050001</v>
      </c>
      <c r="D28" s="1046">
        <v>1744379588.3050001</v>
      </c>
      <c r="E28" s="1045">
        <v>1743021452.47</v>
      </c>
      <c r="F28" s="1046">
        <v>1743021452.47</v>
      </c>
      <c r="G28" s="1045">
        <v>99.922142184871603</v>
      </c>
      <c r="H28" s="1071">
        <v>99.922142184871603</v>
      </c>
    </row>
    <row r="29" spans="1:8" x14ac:dyDescent="0.2">
      <c r="A29" s="91" t="s">
        <v>445</v>
      </c>
      <c r="B29" s="381">
        <v>171967500</v>
      </c>
      <c r="C29" s="1045">
        <v>182725070.72</v>
      </c>
      <c r="D29" s="1046">
        <v>182725070.72</v>
      </c>
      <c r="E29" s="1045">
        <v>182702548.5</v>
      </c>
      <c r="F29" s="1046">
        <v>182702548.5</v>
      </c>
      <c r="G29" s="1045">
        <v>99.987674258430303</v>
      </c>
      <c r="H29" s="1071">
        <v>99.987674258430303</v>
      </c>
    </row>
    <row r="30" spans="1:8" x14ac:dyDescent="0.2">
      <c r="A30" s="91" t="s">
        <v>446</v>
      </c>
      <c r="B30" s="381">
        <v>17550000</v>
      </c>
      <c r="C30" s="1045">
        <v>22863801.765000001</v>
      </c>
      <c r="D30" s="1046">
        <v>22863801.765000001</v>
      </c>
      <c r="E30" s="1045">
        <v>22863801.765000001</v>
      </c>
      <c r="F30" s="1046">
        <v>22863801.765000001</v>
      </c>
      <c r="G30" s="1045">
        <v>100</v>
      </c>
      <c r="H30" s="1071">
        <v>100</v>
      </c>
    </row>
    <row r="31" spans="1:8" ht="24.95" customHeight="1" x14ac:dyDescent="0.2">
      <c r="A31" s="303" t="s">
        <v>447</v>
      </c>
      <c r="B31" s="386">
        <v>7094305250</v>
      </c>
      <c r="C31" s="1088">
        <v>7337652181.7800016</v>
      </c>
      <c r="D31" s="1146">
        <v>7337652181.7800016</v>
      </c>
      <c r="E31" s="1088">
        <v>7270475707.7250004</v>
      </c>
      <c r="F31" s="1146">
        <v>-1424319023.3250003</v>
      </c>
      <c r="G31" s="1088">
        <v>99.084496343097243</v>
      </c>
      <c r="H31" s="1218">
        <v>-299.90981644330191</v>
      </c>
    </row>
    <row r="32" spans="1:8" x14ac:dyDescent="0.2">
      <c r="A32" s="93"/>
      <c r="B32" s="96"/>
      <c r="C32" s="93"/>
      <c r="D32" s="401"/>
      <c r="E32" s="93"/>
      <c r="F32" s="456"/>
      <c r="G32" s="93"/>
      <c r="H32" s="93"/>
    </row>
    <row r="33" spans="1:8" ht="15" customHeight="1" x14ac:dyDescent="0.2">
      <c r="A33" s="1041" t="s">
        <v>396</v>
      </c>
      <c r="B33" s="1031" t="s">
        <v>429</v>
      </c>
      <c r="C33" s="1028" t="s">
        <v>235</v>
      </c>
      <c r="D33" s="1060"/>
      <c r="E33" s="1033" t="s">
        <v>109</v>
      </c>
      <c r="F33" s="1044"/>
      <c r="G33" s="1044"/>
      <c r="H33" s="1044"/>
    </row>
    <row r="34" spans="1:8" ht="15" customHeight="1" x14ac:dyDescent="0.2">
      <c r="A34" s="1042"/>
      <c r="B34" s="1160"/>
      <c r="C34" s="1029"/>
      <c r="D34" s="1056"/>
      <c r="E34" s="1028" t="s">
        <v>115</v>
      </c>
      <c r="F34" s="1060"/>
      <c r="G34" s="1028" t="s">
        <v>114</v>
      </c>
      <c r="H34" s="1041"/>
    </row>
    <row r="35" spans="1:8" ht="15" customHeight="1" x14ac:dyDescent="0.2">
      <c r="A35" s="1043"/>
      <c r="B35" s="1032"/>
      <c r="C35" s="1030" t="s">
        <v>152</v>
      </c>
      <c r="D35" s="1057"/>
      <c r="E35" s="1030" t="s">
        <v>162</v>
      </c>
      <c r="F35" s="1057"/>
      <c r="G35" s="1030" t="s">
        <v>225</v>
      </c>
      <c r="H35" s="1043"/>
    </row>
    <row r="36" spans="1:8" s="306" customFormat="1" ht="15.75" customHeight="1" x14ac:dyDescent="0.2">
      <c r="A36" s="305" t="s">
        <v>356</v>
      </c>
      <c r="B36" s="383">
        <v>213056800</v>
      </c>
      <c r="C36" s="1053">
        <v>230617245.90000001</v>
      </c>
      <c r="D36" s="1197">
        <v>0</v>
      </c>
      <c r="E36" s="1053">
        <v>184264214.30000001</v>
      </c>
      <c r="F36" s="1197">
        <v>0</v>
      </c>
      <c r="G36" s="1053">
        <v>79.900448720084214</v>
      </c>
      <c r="H36" s="1054">
        <v>0</v>
      </c>
    </row>
    <row r="37" spans="1:8" x14ac:dyDescent="0.2">
      <c r="A37" s="97" t="s">
        <v>397</v>
      </c>
      <c r="B37" s="397">
        <v>167526000</v>
      </c>
      <c r="C37" s="1045">
        <v>167526000</v>
      </c>
      <c r="D37" s="1046"/>
      <c r="E37" s="1045">
        <v>121172968.40000001</v>
      </c>
      <c r="F37" s="1046"/>
      <c r="G37" s="1045">
        <v>72.330843212396886</v>
      </c>
      <c r="H37" s="1071"/>
    </row>
    <row r="38" spans="1:8" x14ac:dyDescent="0.2">
      <c r="A38" s="97" t="s">
        <v>416</v>
      </c>
      <c r="B38" s="397">
        <v>0</v>
      </c>
      <c r="C38" s="1045">
        <v>0</v>
      </c>
      <c r="D38" s="1046"/>
      <c r="E38" s="1045">
        <v>0</v>
      </c>
      <c r="F38" s="1046"/>
      <c r="G38" s="1045">
        <v>0</v>
      </c>
      <c r="H38" s="1071"/>
    </row>
    <row r="39" spans="1:8" x14ac:dyDescent="0.2">
      <c r="A39" s="97" t="s">
        <v>398</v>
      </c>
      <c r="B39" s="397">
        <v>0</v>
      </c>
      <c r="C39" s="1045">
        <v>0</v>
      </c>
      <c r="D39" s="1046"/>
      <c r="E39" s="1045">
        <v>0</v>
      </c>
      <c r="F39" s="1046"/>
      <c r="G39" s="1045">
        <v>0</v>
      </c>
      <c r="H39" s="1071"/>
    </row>
    <row r="40" spans="1:8" x14ac:dyDescent="0.2">
      <c r="A40" s="97" t="s">
        <v>448</v>
      </c>
      <c r="B40" s="397">
        <v>45530800</v>
      </c>
      <c r="C40" s="1045">
        <v>63091245.899999999</v>
      </c>
      <c r="D40" s="1046"/>
      <c r="E40" s="1045">
        <v>63091245.899999999</v>
      </c>
      <c r="F40" s="1046"/>
      <c r="G40" s="1045">
        <v>100</v>
      </c>
      <c r="H40" s="1071"/>
    </row>
    <row r="41" spans="1:8" s="306" customFormat="1" ht="15" customHeight="1" x14ac:dyDescent="0.2">
      <c r="A41" s="305" t="s">
        <v>399</v>
      </c>
      <c r="B41" s="384">
        <v>0</v>
      </c>
      <c r="C41" s="1063">
        <v>0</v>
      </c>
      <c r="D41" s="1064"/>
      <c r="E41" s="1063">
        <v>0</v>
      </c>
      <c r="F41" s="1064"/>
      <c r="G41" s="1063">
        <v>0</v>
      </c>
      <c r="H41" s="1196"/>
    </row>
    <row r="42" spans="1:8" s="306" customFormat="1" ht="15" customHeight="1" x14ac:dyDescent="0.2">
      <c r="A42" s="246" t="s">
        <v>352</v>
      </c>
      <c r="B42" s="384">
        <v>0</v>
      </c>
      <c r="C42" s="1045">
        <v>0</v>
      </c>
      <c r="D42" s="1046"/>
      <c r="E42" s="1063">
        <v>0</v>
      </c>
      <c r="F42" s="1064"/>
      <c r="G42" s="1063">
        <v>0</v>
      </c>
      <c r="H42" s="1196"/>
    </row>
    <row r="43" spans="1:8" s="306" customFormat="1" ht="15" customHeight="1" x14ac:dyDescent="0.2">
      <c r="A43" s="290" t="s">
        <v>449</v>
      </c>
      <c r="B43" s="385">
        <v>0</v>
      </c>
      <c r="C43" s="1045">
        <v>0</v>
      </c>
      <c r="D43" s="1046"/>
      <c r="E43" s="1063">
        <v>0</v>
      </c>
      <c r="F43" s="1064"/>
      <c r="G43" s="1051">
        <v>0</v>
      </c>
      <c r="H43" s="1227"/>
    </row>
    <row r="44" spans="1:8" ht="15" customHeight="1" x14ac:dyDescent="0.2">
      <c r="A44" s="249" t="s">
        <v>400</v>
      </c>
      <c r="B44" s="386">
        <v>213056800</v>
      </c>
      <c r="C44" s="1088">
        <v>230617245.90000001</v>
      </c>
      <c r="D44" s="1146">
        <v>0</v>
      </c>
      <c r="E44" s="1088">
        <v>184264214.30000001</v>
      </c>
      <c r="F44" s="1146">
        <v>0</v>
      </c>
      <c r="G44" s="1088">
        <v>79.900448720084214</v>
      </c>
      <c r="H44" s="1218"/>
    </row>
    <row r="45" spans="1:8" x14ac:dyDescent="0.2">
      <c r="A45" s="96"/>
      <c r="B45" s="100"/>
      <c r="C45" s="100"/>
      <c r="D45" s="100"/>
      <c r="E45" s="100"/>
    </row>
    <row r="46" spans="1:8" ht="15" customHeight="1" x14ac:dyDescent="0.2">
      <c r="A46" s="1060" t="s">
        <v>237</v>
      </c>
      <c r="B46" s="1031" t="s">
        <v>792</v>
      </c>
      <c r="C46" s="87" t="s">
        <v>157</v>
      </c>
      <c r="D46" s="1033" t="s">
        <v>158</v>
      </c>
      <c r="E46" s="1034"/>
      <c r="F46" s="1033" t="s">
        <v>159</v>
      </c>
      <c r="G46" s="1044"/>
      <c r="H46" s="1110" t="s">
        <v>622</v>
      </c>
    </row>
    <row r="47" spans="1:8" ht="21.75" customHeight="1" x14ac:dyDescent="0.2">
      <c r="A47" s="1056"/>
      <c r="B47" s="1160"/>
      <c r="C47" s="88" t="s">
        <v>112</v>
      </c>
      <c r="D47" s="287" t="s">
        <v>115</v>
      </c>
      <c r="E47" s="274" t="s">
        <v>114</v>
      </c>
      <c r="F47" s="287" t="s">
        <v>115</v>
      </c>
      <c r="G47" s="274" t="s">
        <v>114</v>
      </c>
      <c r="H47" s="1111"/>
    </row>
    <row r="48" spans="1:8" ht="15" customHeight="1" x14ac:dyDescent="0.2">
      <c r="A48" s="47" t="s">
        <v>238</v>
      </c>
      <c r="B48" s="1032"/>
      <c r="C48" s="272" t="s">
        <v>163</v>
      </c>
      <c r="D48" s="288" t="s">
        <v>233</v>
      </c>
      <c r="E48" s="273" t="s">
        <v>401</v>
      </c>
      <c r="F48" s="288" t="s">
        <v>164</v>
      </c>
      <c r="G48" s="273" t="s">
        <v>402</v>
      </c>
      <c r="H48" s="1112"/>
    </row>
    <row r="49" spans="1:8" s="306" customFormat="1" x14ac:dyDescent="0.2">
      <c r="A49" s="252" t="s">
        <v>166</v>
      </c>
      <c r="B49" s="387">
        <v>960840700</v>
      </c>
      <c r="C49" s="375">
        <v>1604222172.3000002</v>
      </c>
      <c r="D49" s="556">
        <v>1375729310.74</v>
      </c>
      <c r="E49" s="556">
        <v>85.756781977872421</v>
      </c>
      <c r="F49" s="388">
        <v>1295576642.5799999</v>
      </c>
      <c r="G49" s="455">
        <v>80.760424893174871</v>
      </c>
      <c r="H49" s="390">
        <v>80152668.159999967</v>
      </c>
    </row>
    <row r="50" spans="1:8" x14ac:dyDescent="0.2">
      <c r="A50" s="93" t="s">
        <v>206</v>
      </c>
      <c r="B50" s="381">
        <v>330386300</v>
      </c>
      <c r="C50" s="382">
        <v>446571429.36000001</v>
      </c>
      <c r="D50" s="389">
        <v>390328082.21000004</v>
      </c>
      <c r="E50" s="452">
        <v>87.40552049408879</v>
      </c>
      <c r="F50" s="389">
        <v>375832525.85000002</v>
      </c>
      <c r="G50" s="452">
        <v>84.159554584273593</v>
      </c>
      <c r="H50" s="391">
        <v>14495556.360000014</v>
      </c>
    </row>
    <row r="51" spans="1:8" x14ac:dyDescent="0.2">
      <c r="A51" s="93" t="s">
        <v>239</v>
      </c>
      <c r="B51" s="381">
        <v>648000</v>
      </c>
      <c r="C51" s="382">
        <v>891500</v>
      </c>
      <c r="D51" s="389">
        <v>865936.51</v>
      </c>
      <c r="E51" s="546">
        <v>97.132530566461014</v>
      </c>
      <c r="F51" s="389">
        <v>865936.51</v>
      </c>
      <c r="G51" s="546">
        <v>97.132530566461014</v>
      </c>
      <c r="H51" s="391">
        <v>0</v>
      </c>
    </row>
    <row r="52" spans="1:8" x14ac:dyDescent="0.2">
      <c r="A52" s="93" t="s">
        <v>207</v>
      </c>
      <c r="B52" s="381">
        <v>629806400</v>
      </c>
      <c r="C52" s="381">
        <v>1156759242.9400001</v>
      </c>
      <c r="D52" s="389">
        <v>984535292.01999998</v>
      </c>
      <c r="E52" s="452">
        <v>85.111512877798276</v>
      </c>
      <c r="F52" s="389">
        <v>918878180.22000003</v>
      </c>
      <c r="G52" s="452">
        <v>79.435559804527216</v>
      </c>
      <c r="H52" s="391">
        <v>65657111.799999952</v>
      </c>
    </row>
    <row r="53" spans="1:8" s="306" customFormat="1" x14ac:dyDescent="0.2">
      <c r="A53" s="96" t="s">
        <v>167</v>
      </c>
      <c r="B53" s="379">
        <v>206993000</v>
      </c>
      <c r="C53" s="379">
        <v>99928288.609999999</v>
      </c>
      <c r="D53" s="379">
        <v>41623954.269999996</v>
      </c>
      <c r="E53" s="455">
        <v>41.653824806757086</v>
      </c>
      <c r="F53" s="388">
        <v>23341496.869999997</v>
      </c>
      <c r="G53" s="455">
        <v>23.358247393885794</v>
      </c>
      <c r="H53" s="392">
        <v>18282457.399999999</v>
      </c>
    </row>
    <row r="54" spans="1:8" x14ac:dyDescent="0.2">
      <c r="A54" s="20" t="s">
        <v>240</v>
      </c>
      <c r="B54" s="381">
        <v>206571700</v>
      </c>
      <c r="C54" s="382">
        <v>98880488.609999999</v>
      </c>
      <c r="D54" s="389">
        <v>40634389.729999997</v>
      </c>
      <c r="E54" s="452">
        <v>41.094446741933425</v>
      </c>
      <c r="F54" s="389">
        <v>22351932.329999998</v>
      </c>
      <c r="G54" s="452">
        <v>22.604997855703861</v>
      </c>
      <c r="H54" s="391">
        <v>18282457.399999999</v>
      </c>
    </row>
    <row r="55" spans="1:8" x14ac:dyDescent="0.2">
      <c r="A55" s="20" t="s">
        <v>241</v>
      </c>
      <c r="B55" s="381">
        <v>1300</v>
      </c>
      <c r="C55" s="382">
        <v>1300</v>
      </c>
      <c r="D55" s="389">
        <v>0</v>
      </c>
      <c r="E55" s="452">
        <v>0</v>
      </c>
      <c r="F55" s="389">
        <v>0</v>
      </c>
      <c r="G55" s="452">
        <v>0</v>
      </c>
      <c r="H55" s="391">
        <v>0</v>
      </c>
    </row>
    <row r="56" spans="1:8" x14ac:dyDescent="0.2">
      <c r="A56" s="20" t="s">
        <v>242</v>
      </c>
      <c r="B56" s="381">
        <v>420000</v>
      </c>
      <c r="C56" s="382">
        <v>1046500</v>
      </c>
      <c r="D56" s="389">
        <v>989564.54</v>
      </c>
      <c r="E56" s="612">
        <v>94.559440038222647</v>
      </c>
      <c r="F56" s="389">
        <v>989564.54</v>
      </c>
      <c r="G56" s="612">
        <v>94.559440038222647</v>
      </c>
      <c r="H56" s="391">
        <v>0</v>
      </c>
    </row>
    <row r="57" spans="1:8" ht="15" customHeight="1" x14ac:dyDescent="0.2">
      <c r="A57" s="249" t="s">
        <v>534</v>
      </c>
      <c r="B57" s="386">
        <v>1167833700</v>
      </c>
      <c r="C57" s="374">
        <v>1704150460.9100001</v>
      </c>
      <c r="D57" s="393">
        <v>1417353265.01</v>
      </c>
      <c r="E57" s="458">
        <v>83.170664652060523</v>
      </c>
      <c r="F57" s="393">
        <v>1318918139.4499998</v>
      </c>
      <c r="G57" s="458">
        <v>77.394465436209785</v>
      </c>
      <c r="H57" s="394">
        <v>98435125.559999973</v>
      </c>
    </row>
    <row r="58" spans="1:8" x14ac:dyDescent="0.2">
      <c r="A58" s="1225"/>
      <c r="B58" s="1225"/>
      <c r="C58" s="456"/>
      <c r="D58" s="456"/>
      <c r="E58" s="93"/>
    </row>
    <row r="59" spans="1:8" ht="15" customHeight="1" x14ac:dyDescent="0.2">
      <c r="A59" s="1035" t="s">
        <v>374</v>
      </c>
      <c r="B59" s="1031" t="s">
        <v>792</v>
      </c>
      <c r="C59" s="87" t="s">
        <v>157</v>
      </c>
      <c r="D59" s="1033" t="s">
        <v>158</v>
      </c>
      <c r="E59" s="1034"/>
      <c r="F59" s="1033" t="s">
        <v>159</v>
      </c>
      <c r="G59" s="1044"/>
      <c r="H59" s="1110" t="s">
        <v>622</v>
      </c>
    </row>
    <row r="60" spans="1:8" ht="24" customHeight="1" x14ac:dyDescent="0.2">
      <c r="A60" s="1036"/>
      <c r="B60" s="1160"/>
      <c r="C60" s="88" t="s">
        <v>112</v>
      </c>
      <c r="D60" s="287" t="s">
        <v>115</v>
      </c>
      <c r="E60" s="274" t="s">
        <v>114</v>
      </c>
      <c r="F60" s="287" t="s">
        <v>115</v>
      </c>
      <c r="G60" s="274" t="s">
        <v>114</v>
      </c>
      <c r="H60" s="1111"/>
    </row>
    <row r="61" spans="1:8" ht="15" customHeight="1" x14ac:dyDescent="0.2">
      <c r="A61" s="1037"/>
      <c r="B61" s="1032"/>
      <c r="C61" s="103"/>
      <c r="D61" s="288" t="s">
        <v>165</v>
      </c>
      <c r="E61" s="273" t="s">
        <v>623</v>
      </c>
      <c r="F61" s="288" t="s">
        <v>353</v>
      </c>
      <c r="G61" s="273" t="s">
        <v>624</v>
      </c>
      <c r="H61" s="1112"/>
    </row>
    <row r="62" spans="1:8" ht="15" customHeight="1" x14ac:dyDescent="0.2">
      <c r="A62" s="308" t="s">
        <v>375</v>
      </c>
      <c r="B62" s="395">
        <v>0</v>
      </c>
      <c r="C62" s="398">
        <v>0</v>
      </c>
      <c r="D62" s="389">
        <v>0</v>
      </c>
      <c r="E62" s="533">
        <v>0</v>
      </c>
      <c r="F62" s="389">
        <v>0</v>
      </c>
      <c r="G62" s="455">
        <v>0</v>
      </c>
      <c r="H62" s="402">
        <v>0</v>
      </c>
    </row>
    <row r="63" spans="1:8" ht="24.95" customHeight="1" x14ac:dyDescent="0.2">
      <c r="A63" s="5" t="s">
        <v>376</v>
      </c>
      <c r="B63" s="396">
        <v>0</v>
      </c>
      <c r="C63" s="399">
        <v>0</v>
      </c>
      <c r="D63" s="389">
        <v>0</v>
      </c>
      <c r="E63" s="531">
        <v>0</v>
      </c>
      <c r="F63" s="452">
        <v>0</v>
      </c>
      <c r="G63" s="453">
        <v>0</v>
      </c>
      <c r="H63" s="391">
        <v>0</v>
      </c>
    </row>
    <row r="64" spans="1:8" x14ac:dyDescent="0.2">
      <c r="A64" s="309" t="s">
        <v>403</v>
      </c>
      <c r="B64" s="600">
        <v>103234000</v>
      </c>
      <c r="C64" s="792">
        <v>110070000</v>
      </c>
      <c r="D64" s="388">
        <v>81110022.819999993</v>
      </c>
      <c r="E64" s="595">
        <v>5.7226398543222556</v>
      </c>
      <c r="F64" s="597">
        <v>71053805.75999999</v>
      </c>
      <c r="G64" s="594">
        <v>5.3872794402259139</v>
      </c>
      <c r="H64" s="392">
        <v>10056217.060000002</v>
      </c>
    </row>
    <row r="65" spans="1:8" x14ac:dyDescent="0.2">
      <c r="A65" s="86" t="s">
        <v>404</v>
      </c>
      <c r="B65" s="397">
        <v>15598000</v>
      </c>
      <c r="C65" s="793">
        <v>22434000</v>
      </c>
      <c r="D65" s="389">
        <v>17946443.969999999</v>
      </c>
      <c r="E65" s="532">
        <v>1.2661941389660101</v>
      </c>
      <c r="F65" s="400">
        <v>10558395.82</v>
      </c>
      <c r="G65" s="603">
        <v>0.80053458241183506</v>
      </c>
      <c r="H65" s="391">
        <v>7388048.1499999985</v>
      </c>
    </row>
    <row r="66" spans="1:8" x14ac:dyDescent="0.2">
      <c r="A66" s="86" t="s">
        <v>377</v>
      </c>
      <c r="B66" s="397">
        <v>15000000</v>
      </c>
      <c r="C66" s="793">
        <v>15000000</v>
      </c>
      <c r="D66" s="389">
        <v>0</v>
      </c>
      <c r="E66" s="532">
        <v>0</v>
      </c>
      <c r="F66" s="400">
        <v>0</v>
      </c>
      <c r="G66" s="603">
        <v>0</v>
      </c>
      <c r="H66" s="391">
        <v>0</v>
      </c>
    </row>
    <row r="67" spans="1:8" x14ac:dyDescent="0.2">
      <c r="A67" s="104" t="s">
        <v>378</v>
      </c>
      <c r="B67" s="397">
        <v>72636000</v>
      </c>
      <c r="C67" s="793">
        <v>72636000</v>
      </c>
      <c r="D67" s="397">
        <v>63163578.850000001</v>
      </c>
      <c r="E67" s="381">
        <v>4.4564457153562458</v>
      </c>
      <c r="F67" s="401">
        <v>60495409.939999998</v>
      </c>
      <c r="G67" s="603">
        <v>4.5867448578140797</v>
      </c>
      <c r="H67" s="391">
        <v>2668168.9100000039</v>
      </c>
    </row>
    <row r="68" spans="1:8" x14ac:dyDescent="0.2">
      <c r="A68" s="310" t="s">
        <v>379</v>
      </c>
      <c r="B68" s="384">
        <v>151939000</v>
      </c>
      <c r="C68" s="794">
        <v>162512000</v>
      </c>
      <c r="D68" s="384">
        <v>115071013.2</v>
      </c>
      <c r="E68" s="379">
        <v>8.1187249531039196</v>
      </c>
      <c r="F68" s="557">
        <v>102208702.93000001</v>
      </c>
      <c r="G68" s="604">
        <v>7.7494349249470424</v>
      </c>
      <c r="H68" s="764">
        <v>12862310.269999996</v>
      </c>
    </row>
    <row r="69" spans="1:8" ht="32.25" x14ac:dyDescent="0.2">
      <c r="A69" s="5" t="s">
        <v>793</v>
      </c>
      <c r="B69" s="594">
        <v>0</v>
      </c>
      <c r="C69" s="594">
        <v>0</v>
      </c>
      <c r="D69" s="384">
        <v>0</v>
      </c>
      <c r="E69" s="379">
        <v>0</v>
      </c>
      <c r="F69" s="594">
        <v>0</v>
      </c>
      <c r="G69" s="604">
        <v>0</v>
      </c>
      <c r="H69" s="392">
        <v>0</v>
      </c>
    </row>
    <row r="70" spans="1:8" ht="21.75" x14ac:dyDescent="0.2">
      <c r="A70" s="310" t="s">
        <v>794</v>
      </c>
      <c r="B70" s="384">
        <v>0</v>
      </c>
      <c r="C70" s="384">
        <v>0</v>
      </c>
      <c r="D70" s="384">
        <v>0</v>
      </c>
      <c r="E70" s="379">
        <v>0</v>
      </c>
      <c r="F70" s="557">
        <v>0</v>
      </c>
      <c r="G70" s="604">
        <v>0</v>
      </c>
      <c r="H70" s="392">
        <v>0</v>
      </c>
    </row>
    <row r="71" spans="1:8" ht="32.25" x14ac:dyDescent="0.2">
      <c r="A71" s="14" t="s">
        <v>795</v>
      </c>
      <c r="B71" s="384">
        <v>0</v>
      </c>
      <c r="C71" s="384">
        <v>0</v>
      </c>
      <c r="D71" s="384">
        <v>0</v>
      </c>
      <c r="E71" s="379">
        <v>0</v>
      </c>
      <c r="F71" s="557">
        <v>0</v>
      </c>
      <c r="G71" s="604">
        <v>0</v>
      </c>
      <c r="H71" s="601">
        <v>0</v>
      </c>
    </row>
    <row r="72" spans="1:8" s="237" customFormat="1" ht="16.5" customHeight="1" x14ac:dyDescent="0.2">
      <c r="A72" s="303" t="s">
        <v>450</v>
      </c>
      <c r="B72" s="394">
        <v>255173000</v>
      </c>
      <c r="C72" s="374">
        <v>272582000</v>
      </c>
      <c r="D72" s="394">
        <v>196181036.01999998</v>
      </c>
      <c r="E72" s="386">
        <v>13.841364807426174</v>
      </c>
      <c r="F72" s="394">
        <v>173262508.69</v>
      </c>
      <c r="G72" s="394">
        <v>13.136714365172955</v>
      </c>
      <c r="H72" s="394">
        <v>22918527.329999998</v>
      </c>
    </row>
    <row r="73" spans="1:8" s="20" customFormat="1" x14ac:dyDescent="0.2">
      <c r="A73" s="105"/>
      <c r="B73" s="105"/>
      <c r="C73" s="105"/>
      <c r="D73" s="105"/>
      <c r="E73" s="459"/>
      <c r="F73" s="291"/>
      <c r="G73" s="456"/>
      <c r="H73" s="291"/>
    </row>
    <row r="74" spans="1:8" s="237" customFormat="1" ht="22.5" customHeight="1" x14ac:dyDescent="0.2">
      <c r="A74" s="311" t="s">
        <v>451</v>
      </c>
      <c r="B74" s="376">
        <v>912660700</v>
      </c>
      <c r="C74" s="376">
        <v>1431568460.9100001</v>
      </c>
      <c r="D74" s="376">
        <v>1221172228.99</v>
      </c>
      <c r="E74" s="460">
        <v>86.158635192573826</v>
      </c>
      <c r="F74" s="394">
        <v>1145655630.7599998</v>
      </c>
      <c r="G74" s="393">
        <v>86.863285634827037</v>
      </c>
      <c r="H74" s="403">
        <v>75516598.229999974</v>
      </c>
    </row>
    <row r="75" spans="1:8" x14ac:dyDescent="0.2">
      <c r="A75" s="107"/>
      <c r="B75" s="90"/>
      <c r="C75" s="280"/>
      <c r="D75" s="93"/>
      <c r="E75" s="93"/>
      <c r="F75" s="765"/>
      <c r="G75" s="101"/>
      <c r="H75" s="291"/>
    </row>
    <row r="76" spans="1:8" ht="24.75" customHeight="1" x14ac:dyDescent="0.2">
      <c r="A76" s="991" t="s">
        <v>625</v>
      </c>
      <c r="B76" s="991"/>
      <c r="C76" s="991"/>
      <c r="D76" s="992"/>
      <c r="E76" s="1221">
        <v>16.796318123895034</v>
      </c>
      <c r="F76" s="1222">
        <v>1.1741989543537217E-6</v>
      </c>
      <c r="G76" s="1222">
        <v>15.61338153373851</v>
      </c>
      <c r="H76" s="1222">
        <v>1.1947400572775914E-6</v>
      </c>
    </row>
    <row r="77" spans="1:8" ht="12.75" customHeight="1" x14ac:dyDescent="0.2">
      <c r="A77" s="6"/>
      <c r="B77" s="6"/>
      <c r="C77" s="6"/>
      <c r="D77" s="6"/>
      <c r="E77" s="108"/>
      <c r="F77" s="109"/>
      <c r="G77" s="109"/>
      <c r="H77" s="291"/>
    </row>
    <row r="78" spans="1:8" ht="25.5" customHeight="1" x14ac:dyDescent="0.2">
      <c r="A78" s="991" t="s">
        <v>626</v>
      </c>
      <c r="B78" s="991"/>
      <c r="C78" s="991"/>
      <c r="D78" s="992"/>
      <c r="E78" s="1219">
        <v>348715144.06299996</v>
      </c>
      <c r="F78" s="1220"/>
      <c r="G78" s="1220"/>
      <c r="H78" s="1220"/>
    </row>
    <row r="79" spans="1:8" x14ac:dyDescent="0.2">
      <c r="A79" s="7"/>
      <c r="B79" s="7"/>
      <c r="C79" s="7"/>
      <c r="D79" s="7"/>
      <c r="E79" s="97"/>
      <c r="F79" s="106"/>
      <c r="G79" s="106"/>
    </row>
    <row r="80" spans="1:8" ht="13.5" customHeight="1" x14ac:dyDescent="0.2">
      <c r="A80" s="1038" t="s">
        <v>452</v>
      </c>
      <c r="B80" s="1035"/>
      <c r="C80" s="1031" t="s">
        <v>535</v>
      </c>
      <c r="D80" s="1031" t="s">
        <v>797</v>
      </c>
      <c r="E80" s="1031" t="s">
        <v>380</v>
      </c>
      <c r="F80" s="1031" t="s">
        <v>381</v>
      </c>
      <c r="G80" s="1110" t="s">
        <v>536</v>
      </c>
      <c r="H80" s="1038"/>
    </row>
    <row r="81" spans="1:8" ht="21" customHeight="1" x14ac:dyDescent="0.2">
      <c r="A81" s="1040"/>
      <c r="B81" s="1037"/>
      <c r="C81" s="1032"/>
      <c r="D81" s="1032"/>
      <c r="E81" s="1032"/>
      <c r="F81" s="1032"/>
      <c r="G81" s="1112"/>
      <c r="H81" s="1040"/>
    </row>
    <row r="82" spans="1:8" ht="15" customHeight="1" x14ac:dyDescent="0.2">
      <c r="A82" s="8" t="s">
        <v>796</v>
      </c>
      <c r="B82" s="110"/>
      <c r="C82" s="555">
        <v>10778747.83</v>
      </c>
      <c r="D82" s="817">
        <v>6210386.7800000003</v>
      </c>
      <c r="E82" s="818">
        <v>2764865.01</v>
      </c>
      <c r="F82" s="819">
        <v>1803496.04</v>
      </c>
      <c r="G82" s="1210">
        <v>3008766.73</v>
      </c>
      <c r="H82" s="1211"/>
    </row>
    <row r="83" spans="1:8" ht="12.75" customHeight="1" x14ac:dyDescent="0.2">
      <c r="A83" s="11" t="s">
        <v>798</v>
      </c>
      <c r="B83" s="111"/>
      <c r="C83" s="465">
        <v>826671.31</v>
      </c>
      <c r="D83" s="820">
        <v>0</v>
      </c>
      <c r="E83" s="381">
        <v>0</v>
      </c>
      <c r="F83" s="821">
        <v>826671.31</v>
      </c>
      <c r="G83" s="1212">
        <v>0</v>
      </c>
      <c r="H83" s="1213"/>
    </row>
    <row r="84" spans="1:8" ht="15" customHeight="1" x14ac:dyDescent="0.2">
      <c r="A84" s="303" t="s">
        <v>382</v>
      </c>
      <c r="B84" s="297"/>
      <c r="C84" s="461">
        <v>11605419.140000001</v>
      </c>
      <c r="D84" s="461">
        <v>6210386.7800000003</v>
      </c>
      <c r="E84" s="386">
        <v>2764865.01</v>
      </c>
      <c r="F84" s="386">
        <v>2630167.35</v>
      </c>
      <c r="G84" s="454"/>
      <c r="H84" s="458">
        <v>3008766.73</v>
      </c>
    </row>
    <row r="85" spans="1:8" ht="12.75" customHeight="1" x14ac:dyDescent="0.2">
      <c r="A85" s="94"/>
      <c r="B85" s="291"/>
      <c r="C85" s="102"/>
      <c r="D85" s="291"/>
      <c r="E85" s="291"/>
      <c r="F85" s="101"/>
      <c r="G85" s="101"/>
      <c r="H85" s="101"/>
    </row>
    <row r="86" spans="1:8" ht="12.75" customHeight="1" x14ac:dyDescent="0.2">
      <c r="A86" s="1039" t="s">
        <v>383</v>
      </c>
      <c r="B86" s="1036"/>
      <c r="C86" s="1111" t="s">
        <v>440</v>
      </c>
      <c r="D86" s="1039"/>
      <c r="E86" s="1039"/>
      <c r="F86" s="1039"/>
      <c r="G86" s="1039"/>
      <c r="H86" s="1039"/>
    </row>
    <row r="87" spans="1:8" ht="15.75" customHeight="1" x14ac:dyDescent="0.2">
      <c r="A87" s="1039"/>
      <c r="B87" s="1036"/>
      <c r="C87" s="1112"/>
      <c r="D87" s="1040"/>
      <c r="E87" s="1040"/>
      <c r="F87" s="1040"/>
      <c r="G87" s="1040"/>
      <c r="H87" s="1040"/>
    </row>
    <row r="88" spans="1:8" ht="14.25" customHeight="1" x14ac:dyDescent="0.2">
      <c r="A88" s="1039"/>
      <c r="B88" s="1036"/>
      <c r="C88" s="1031" t="s">
        <v>384</v>
      </c>
      <c r="D88" s="1111" t="s">
        <v>385</v>
      </c>
      <c r="E88" s="1039"/>
      <c r="F88" s="1110" t="s">
        <v>386</v>
      </c>
      <c r="G88" s="1038"/>
      <c r="H88" s="1038"/>
    </row>
    <row r="89" spans="1:8" ht="11.25" customHeight="1" x14ac:dyDescent="0.2">
      <c r="A89" s="1039"/>
      <c r="B89" s="1036"/>
      <c r="C89" s="1160"/>
      <c r="D89" s="1111"/>
      <c r="E89" s="1039"/>
      <c r="F89" s="1111"/>
      <c r="G89" s="1039"/>
      <c r="H89" s="1039"/>
    </row>
    <row r="90" spans="1:8" ht="12.75" customHeight="1" x14ac:dyDescent="0.2">
      <c r="A90" s="1040"/>
      <c r="B90" s="1037"/>
      <c r="C90" s="1032"/>
      <c r="D90" s="1112" t="s">
        <v>350</v>
      </c>
      <c r="E90" s="1040"/>
      <c r="F90" s="1112"/>
      <c r="G90" s="1040"/>
      <c r="H90" s="1040"/>
    </row>
    <row r="91" spans="1:8" ht="13.5" customHeight="1" x14ac:dyDescent="0.2">
      <c r="A91" s="268" t="s">
        <v>800</v>
      </c>
      <c r="B91" s="9"/>
      <c r="C91" s="10"/>
      <c r="D91" s="1214"/>
      <c r="E91" s="1215"/>
      <c r="F91" s="1216"/>
      <c r="G91" s="1217"/>
      <c r="H91" s="1217"/>
    </row>
    <row r="92" spans="1:8" ht="13.5" customHeight="1" x14ac:dyDescent="0.2">
      <c r="A92" s="269" t="s">
        <v>799</v>
      </c>
      <c r="B92" s="12"/>
      <c r="C92" s="13"/>
      <c r="D92" s="1202"/>
      <c r="E92" s="1203"/>
      <c r="F92" s="1204"/>
      <c r="G92" s="1205"/>
      <c r="H92" s="1205"/>
    </row>
    <row r="93" spans="1:8" ht="13.5" customHeight="1" x14ac:dyDescent="0.2">
      <c r="A93" s="11"/>
      <c r="B93" s="12"/>
      <c r="C93" s="13"/>
      <c r="D93" s="1206"/>
      <c r="E93" s="1207"/>
      <c r="F93" s="1208"/>
      <c r="G93" s="1209"/>
      <c r="H93" s="1209"/>
    </row>
    <row r="94" spans="1:8" ht="15" customHeight="1" x14ac:dyDescent="0.2">
      <c r="A94" s="1107" t="s">
        <v>388</v>
      </c>
      <c r="B94" s="1224"/>
      <c r="C94" s="312"/>
      <c r="D94" s="1162"/>
      <c r="E94" s="1164"/>
      <c r="F94" s="1033"/>
      <c r="G94" s="1044"/>
      <c r="H94" s="1044"/>
    </row>
    <row r="95" spans="1:8" ht="12.75" customHeight="1" x14ac:dyDescent="0.2">
      <c r="A95" s="93"/>
      <c r="B95" s="93"/>
      <c r="C95" s="93"/>
      <c r="D95" s="93"/>
      <c r="E95" s="93"/>
      <c r="F95" s="106"/>
    </row>
    <row r="96" spans="1:8" ht="12.75" customHeight="1" x14ac:dyDescent="0.2">
      <c r="A96" s="1038" t="s">
        <v>453</v>
      </c>
      <c r="B96" s="1035"/>
      <c r="C96" s="1110" t="s">
        <v>387</v>
      </c>
      <c r="D96" s="1038"/>
      <c r="E96" s="1038"/>
      <c r="F96" s="1038"/>
      <c r="G96" s="1038"/>
      <c r="H96" s="1038"/>
    </row>
    <row r="97" spans="1:8" ht="15.75" customHeight="1" x14ac:dyDescent="0.2">
      <c r="A97" s="1039"/>
      <c r="B97" s="1036"/>
      <c r="C97" s="1112"/>
      <c r="D97" s="1040"/>
      <c r="E97" s="1040"/>
      <c r="F97" s="1040"/>
      <c r="G97" s="1040"/>
      <c r="H97" s="1040"/>
    </row>
    <row r="98" spans="1:8" ht="15" customHeight="1" x14ac:dyDescent="0.2">
      <c r="A98" s="1039"/>
      <c r="B98" s="1036"/>
      <c r="C98" s="1031" t="s">
        <v>384</v>
      </c>
      <c r="D98" s="1111" t="s">
        <v>385</v>
      </c>
      <c r="E98" s="1039"/>
      <c r="F98" s="1111" t="s">
        <v>386</v>
      </c>
      <c r="G98" s="1039"/>
      <c r="H98" s="1039"/>
    </row>
    <row r="99" spans="1:8" x14ac:dyDescent="0.2">
      <c r="A99" s="1039"/>
      <c r="B99" s="1036"/>
      <c r="C99" s="1160"/>
      <c r="D99" s="1111"/>
      <c r="E99" s="1039"/>
      <c r="F99" s="1111"/>
      <c r="G99" s="1039"/>
      <c r="H99" s="1039"/>
    </row>
    <row r="100" spans="1:8" ht="15" customHeight="1" x14ac:dyDescent="0.2">
      <c r="A100" s="1040"/>
      <c r="B100" s="1037"/>
      <c r="C100" s="1032"/>
      <c r="D100" s="1112" t="s">
        <v>351</v>
      </c>
      <c r="E100" s="1040"/>
      <c r="F100" s="1112"/>
      <c r="G100" s="1040"/>
      <c r="H100" s="1040"/>
    </row>
    <row r="101" spans="1:8" x14ac:dyDescent="0.2">
      <c r="A101" s="268" t="s">
        <v>802</v>
      </c>
      <c r="B101" s="9"/>
      <c r="C101" s="10"/>
      <c r="D101" s="1214"/>
      <c r="E101" s="1215"/>
      <c r="F101" s="1216"/>
      <c r="G101" s="1217"/>
      <c r="H101" s="1217"/>
    </row>
    <row r="102" spans="1:8" x14ac:dyDescent="0.2">
      <c r="A102" s="269" t="s">
        <v>801</v>
      </c>
      <c r="B102" s="12"/>
      <c r="C102" s="13"/>
      <c r="D102" s="1202"/>
      <c r="E102" s="1203"/>
      <c r="F102" s="1204"/>
      <c r="G102" s="1205"/>
      <c r="H102" s="1205"/>
    </row>
    <row r="103" spans="1:8" x14ac:dyDescent="0.2">
      <c r="A103" s="11"/>
      <c r="B103" s="12"/>
      <c r="C103" s="13"/>
      <c r="D103" s="1206"/>
      <c r="E103" s="1207"/>
      <c r="F103" s="1208"/>
      <c r="G103" s="1209"/>
      <c r="H103" s="1209"/>
    </row>
    <row r="104" spans="1:8" ht="15" customHeight="1" x14ac:dyDescent="0.2">
      <c r="A104" s="1223" t="s">
        <v>454</v>
      </c>
      <c r="B104" s="1223"/>
      <c r="C104" s="312"/>
      <c r="D104" s="1162"/>
      <c r="E104" s="1164"/>
      <c r="F104" s="1033"/>
      <c r="G104" s="1044"/>
      <c r="H104" s="1044"/>
    </row>
    <row r="105" spans="1:8" x14ac:dyDescent="0.2">
      <c r="A105" s="93"/>
      <c r="B105" s="291"/>
      <c r="C105" s="99"/>
      <c r="D105" s="93"/>
      <c r="E105" s="93"/>
    </row>
    <row r="106" spans="1:8" ht="15" customHeight="1" x14ac:dyDescent="0.2">
      <c r="A106" s="1060" t="s">
        <v>237</v>
      </c>
      <c r="B106" s="1031" t="s">
        <v>792</v>
      </c>
      <c r="C106" s="1031" t="s">
        <v>236</v>
      </c>
      <c r="D106" s="1033" t="s">
        <v>158</v>
      </c>
      <c r="E106" s="1044"/>
      <c r="F106" s="1033" t="s">
        <v>159</v>
      </c>
      <c r="G106" s="1044"/>
      <c r="H106" s="1110" t="s">
        <v>622</v>
      </c>
    </row>
    <row r="107" spans="1:8" ht="21.75" customHeight="1" x14ac:dyDescent="0.2">
      <c r="A107" s="1056"/>
      <c r="B107" s="1160"/>
      <c r="C107" s="1160"/>
      <c r="D107" s="87" t="s">
        <v>115</v>
      </c>
      <c r="E107" s="274" t="s">
        <v>114</v>
      </c>
      <c r="F107" s="87" t="s">
        <v>115</v>
      </c>
      <c r="G107" s="274" t="s">
        <v>114</v>
      </c>
      <c r="H107" s="1111"/>
    </row>
    <row r="108" spans="1:8" ht="21.75" customHeight="1" x14ac:dyDescent="0.2">
      <c r="A108" s="48" t="s">
        <v>244</v>
      </c>
      <c r="B108" s="1032"/>
      <c r="C108" s="1032"/>
      <c r="D108" s="288" t="s">
        <v>389</v>
      </c>
      <c r="E108" s="281" t="s">
        <v>390</v>
      </c>
      <c r="F108" s="288" t="s">
        <v>391</v>
      </c>
      <c r="G108" s="281" t="s">
        <v>392</v>
      </c>
      <c r="H108" s="1112"/>
    </row>
    <row r="109" spans="1:8" x14ac:dyDescent="0.2">
      <c r="A109" s="93" t="s">
        <v>245</v>
      </c>
      <c r="B109" s="381">
        <v>64744900</v>
      </c>
      <c r="C109" s="381">
        <v>60570000</v>
      </c>
      <c r="D109" s="389">
        <v>46538509.079999998</v>
      </c>
      <c r="E109" s="451">
        <v>3.2834798655275006</v>
      </c>
      <c r="F109" s="389">
        <v>45867068.399999999</v>
      </c>
      <c r="G109" s="451">
        <v>3.4776281429510827</v>
      </c>
      <c r="H109" s="766">
        <v>671440.6799999997</v>
      </c>
    </row>
    <row r="110" spans="1:8" x14ac:dyDescent="0.2">
      <c r="A110" s="93" t="s">
        <v>246</v>
      </c>
      <c r="B110" s="381">
        <v>547235100</v>
      </c>
      <c r="C110" s="381">
        <v>708958568.76999998</v>
      </c>
      <c r="D110" s="389">
        <v>565015791.84000003</v>
      </c>
      <c r="E110" s="448">
        <v>39.86414719523107</v>
      </c>
      <c r="F110" s="451">
        <v>515977673.19999999</v>
      </c>
      <c r="G110" s="447">
        <v>39.1212811293328</v>
      </c>
      <c r="H110" s="767">
        <v>49038118.640000045</v>
      </c>
    </row>
    <row r="111" spans="1:8" x14ac:dyDescent="0.2">
      <c r="A111" s="93" t="s">
        <v>247</v>
      </c>
      <c r="B111" s="381">
        <v>76302000</v>
      </c>
      <c r="C111" s="381">
        <v>102794851</v>
      </c>
      <c r="D111" s="389">
        <v>78062204.950000003</v>
      </c>
      <c r="E111" s="448">
        <v>5.5076039881595245</v>
      </c>
      <c r="F111" s="451">
        <v>64359502.149999999</v>
      </c>
      <c r="G111" s="447">
        <v>4.8797192354059566</v>
      </c>
      <c r="H111" s="767">
        <v>13702702.800000004</v>
      </c>
    </row>
    <row r="112" spans="1:8" x14ac:dyDescent="0.2">
      <c r="A112" s="93" t="s">
        <v>248</v>
      </c>
      <c r="B112" s="381">
        <v>17209600</v>
      </c>
      <c r="C112" s="381">
        <v>24168900</v>
      </c>
      <c r="D112" s="389">
        <v>18580192.68</v>
      </c>
      <c r="E112" s="448">
        <v>1.3109076712691599</v>
      </c>
      <c r="F112" s="451">
        <v>11113605.41</v>
      </c>
      <c r="G112" s="447">
        <v>0.84263041636795355</v>
      </c>
      <c r="H112" s="767">
        <v>7466587.2699999996</v>
      </c>
    </row>
    <row r="113" spans="1:8" x14ac:dyDescent="0.2">
      <c r="A113" s="93" t="s">
        <v>249</v>
      </c>
      <c r="B113" s="381">
        <v>21294500</v>
      </c>
      <c r="C113" s="381">
        <v>24854200</v>
      </c>
      <c r="D113" s="389">
        <v>13586762.26</v>
      </c>
      <c r="E113" s="448">
        <v>0.95860097799288846</v>
      </c>
      <c r="F113" s="451">
        <v>7019396.0300000003</v>
      </c>
      <c r="G113" s="447">
        <v>0.53220862008366554</v>
      </c>
      <c r="H113" s="767">
        <v>6567366.2299999995</v>
      </c>
    </row>
    <row r="114" spans="1:8" x14ac:dyDescent="0.2">
      <c r="A114" s="93" t="s">
        <v>250</v>
      </c>
      <c r="B114" s="381">
        <v>108000</v>
      </c>
      <c r="C114" s="381">
        <v>108000</v>
      </c>
      <c r="D114" s="389">
        <v>52599.74</v>
      </c>
      <c r="E114" s="448">
        <v>3.7111241987810902E-3</v>
      </c>
      <c r="F114" s="451">
        <v>49004.18</v>
      </c>
      <c r="G114" s="447">
        <v>3.7154830564719633E-3</v>
      </c>
      <c r="H114" s="767">
        <v>3595.5599999999977</v>
      </c>
    </row>
    <row r="115" spans="1:8" x14ac:dyDescent="0.2">
      <c r="A115" s="99" t="s">
        <v>232</v>
      </c>
      <c r="B115" s="457">
        <v>440939600</v>
      </c>
      <c r="C115" s="457">
        <v>782695941.1400001</v>
      </c>
      <c r="D115" s="389">
        <v>695517204.46000004</v>
      </c>
      <c r="E115" s="448">
        <v>49.071549177621058</v>
      </c>
      <c r="F115" s="451">
        <v>674531890.07999992</v>
      </c>
      <c r="G115" s="447">
        <v>51.142816972802088</v>
      </c>
      <c r="H115" s="768">
        <v>20985314.380000114</v>
      </c>
    </row>
    <row r="116" spans="1:8" ht="15" customHeight="1" x14ac:dyDescent="0.2">
      <c r="A116" s="249" t="s">
        <v>170</v>
      </c>
      <c r="B116" s="386">
        <v>1167833700</v>
      </c>
      <c r="C116" s="386">
        <v>1704150460.9100001</v>
      </c>
      <c r="D116" s="393">
        <v>1417353265.0100002</v>
      </c>
      <c r="E116" s="450">
        <v>99.999999999999986</v>
      </c>
      <c r="F116" s="458">
        <v>1318918139.4499998</v>
      </c>
      <c r="G116" s="449">
        <v>100</v>
      </c>
      <c r="H116" s="394">
        <v>98435125.560000166</v>
      </c>
    </row>
    <row r="117" spans="1:8" ht="10.5" customHeight="1" x14ac:dyDescent="0.2">
      <c r="A117" s="194" t="s">
        <v>863</v>
      </c>
      <c r="B117" s="401"/>
      <c r="C117" s="401"/>
      <c r="D117" s="401"/>
      <c r="E117" s="194"/>
      <c r="F117" s="106"/>
      <c r="G117" s="106"/>
      <c r="H117" s="322"/>
    </row>
    <row r="118" spans="1:8" ht="11.25" x14ac:dyDescent="0.2">
      <c r="A118" s="93" t="s">
        <v>0</v>
      </c>
      <c r="B118" s="113"/>
      <c r="C118" s="113"/>
      <c r="D118" s="769"/>
      <c r="E118" s="456"/>
      <c r="F118" s="106"/>
      <c r="G118" s="106"/>
      <c r="H118" s="765"/>
    </row>
    <row r="119" spans="1:8" ht="11.25" x14ac:dyDescent="0.2">
      <c r="A119" s="93" t="s">
        <v>627</v>
      </c>
      <c r="B119" s="113"/>
      <c r="C119" s="113"/>
      <c r="D119" s="93"/>
      <c r="E119" s="456"/>
      <c r="F119" s="106"/>
      <c r="G119" s="106"/>
    </row>
    <row r="120" spans="1:8" ht="11.25" x14ac:dyDescent="0.2">
      <c r="A120" s="93" t="s">
        <v>628</v>
      </c>
      <c r="B120" s="113"/>
      <c r="C120" s="113"/>
      <c r="D120" s="93"/>
      <c r="E120" s="93"/>
      <c r="F120" s="106"/>
      <c r="G120" s="106"/>
    </row>
    <row r="121" spans="1:8" ht="11.25" x14ac:dyDescent="0.2">
      <c r="A121" s="20" t="s">
        <v>629</v>
      </c>
      <c r="B121" s="114"/>
      <c r="C121" s="114"/>
      <c r="D121" s="93"/>
      <c r="E121" s="93"/>
      <c r="F121" s="106"/>
      <c r="G121" s="106"/>
    </row>
    <row r="122" spans="1:8" ht="11.25" x14ac:dyDescent="0.2">
      <c r="A122" s="20" t="s">
        <v>630</v>
      </c>
    </row>
    <row r="123" spans="1:8" ht="11.25" x14ac:dyDescent="0.2">
      <c r="A123" s="115" t="s">
        <v>631</v>
      </c>
    </row>
    <row r="124" spans="1:8" x14ac:dyDescent="0.2">
      <c r="A124" s="1120" t="s">
        <v>632</v>
      </c>
      <c r="B124" s="1120"/>
      <c r="C124" s="1120"/>
    </row>
    <row r="125" spans="1:8" x14ac:dyDescent="0.2">
      <c r="E125" s="401"/>
    </row>
    <row r="126" spans="1:8" x14ac:dyDescent="0.2">
      <c r="B126" s="401"/>
      <c r="C126" s="401"/>
      <c r="D126" s="401"/>
      <c r="E126" s="401"/>
      <c r="F126" s="401"/>
      <c r="G126" s="401"/>
    </row>
    <row r="127" spans="1:8" x14ac:dyDescent="0.2">
      <c r="B127" s="401"/>
      <c r="C127" s="765"/>
      <c r="D127" s="765"/>
      <c r="E127" s="765"/>
    </row>
    <row r="130" s="50" customFormat="1" ht="11.25" customHeight="1" x14ac:dyDescent="0.2"/>
    <row r="131" s="50" customFormat="1" ht="11.25" customHeight="1" x14ac:dyDescent="0.2"/>
    <row r="132" s="50" customFormat="1" ht="11.25" customHeight="1" x14ac:dyDescent="0.2"/>
    <row r="133" s="50" customFormat="1" ht="11.25" customHeight="1" x14ac:dyDescent="0.2"/>
    <row r="134" s="50" customFormat="1" ht="11.25" customHeight="1" x14ac:dyDescent="0.2"/>
    <row r="135" s="50" customFormat="1" ht="11.25" customHeight="1" x14ac:dyDescent="0.2"/>
    <row r="136" s="50" customFormat="1" ht="11.25" customHeight="1" x14ac:dyDescent="0.2"/>
  </sheetData>
  <customSheetViews>
    <customSheetView guid="{6DBFA32C-4AA4-4E1D-9A48-697377C64CC3}" showPageBreaks="1" showGridLines="0" fitToPage="1" printArea="1" topLeftCell="A46">
      <selection activeCell="D70" sqref="D70"/>
      <pageMargins left="0.19685039370078741" right="0.19685039370078741" top="0.78740157480314965" bottom="0.98425196850393704" header="0" footer="0"/>
      <printOptions horizontalCentered="1"/>
      <pageSetup paperSize="9" scale="53" fitToHeight="2" orientation="portrait" r:id="rId1"/>
    </customSheetView>
    <customSheetView guid="{25EF1E0D-169B-4051-B414-7E1196FC05E4}" showPageBreaks="1" showGridLines="0" fitToPage="1" printArea="1" topLeftCell="A7">
      <selection activeCell="G13" sqref="G13:H13"/>
      <pageMargins left="0.19685039370078741" right="0.19685039370078741" top="0.19685039370078741" bottom="0.19685039370078741" header="0" footer="0"/>
      <printOptions horizontalCentered="1"/>
      <pageSetup paperSize="9" scale="48" orientation="portrait" r:id="rId2"/>
    </customSheetView>
    <customSheetView guid="{82EDB5A4-4824-4632-A540-7A52C92F04C7}" showPageBreaks="1" showGridLines="0" fitToPage="1" printArea="1" topLeftCell="A22">
      <selection activeCell="F32" sqref="F32"/>
      <pageMargins left="0.19685039370078741" right="0.19685039370078741" top="0.78740157480314965" bottom="0.98425196850393704" header="0" footer="0"/>
      <printOptions horizontalCentered="1"/>
      <pageSetup paperSize="9" scale="53" fitToHeight="2" orientation="portrait" r:id="rId3"/>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4"/>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5"/>
    </customSheetView>
    <customSheetView guid="{3AAF6A5F-F9AA-430B-9AD9-1261ECDF41B5}" showPageBreaks="1" showGridLines="0" fitToPage="1" printArea="1" topLeftCell="A116">
      <selection activeCell="A146" sqref="A146"/>
      <pageMargins left="0.19685039370078741" right="0.19685039370078741" top="0.78740157480314965" bottom="0.39370078740157483" header="0" footer="0"/>
      <printOptions horizontalCentered="1"/>
      <pageSetup paperSize="9" scale="53" fitToHeight="2" orientation="portrait" r:id="rId6"/>
    </customSheetView>
    <customSheetView guid="{C779D862-DE28-46CD-A428-4AAA1056D1E1}" showGridLines="0" fitToPage="1" topLeftCell="B70">
      <selection activeCell="E76" sqref="E76:H76"/>
      <pageMargins left="0.19685039370078741" right="0.19685039370078741" top="0.78740157480314965" bottom="0.39370078740157483" header="0" footer="0"/>
      <printOptions horizontalCentered="1"/>
      <pageSetup paperSize="9" scale="53" fitToHeight="2" orientation="portrait" r:id="rId7"/>
    </customSheetView>
  </customSheetViews>
  <mergeCells count="167">
    <mergeCell ref="A124:C124"/>
    <mergeCell ref="E10:H10"/>
    <mergeCell ref="E11:F11"/>
    <mergeCell ref="G11:H11"/>
    <mergeCell ref="E12:F12"/>
    <mergeCell ref="C96:H97"/>
    <mergeCell ref="F98:H100"/>
    <mergeCell ref="A86:B90"/>
    <mergeCell ref="D88:E89"/>
    <mergeCell ref="D90:E90"/>
    <mergeCell ref="G12:H12"/>
    <mergeCell ref="A33:A35"/>
    <mergeCell ref="E33:H33"/>
    <mergeCell ref="E34:F34"/>
    <mergeCell ref="G34:H34"/>
    <mergeCell ref="E35:F35"/>
    <mergeCell ref="E15:F15"/>
    <mergeCell ref="B33:B35"/>
    <mergeCell ref="B46:B48"/>
    <mergeCell ref="B59:B61"/>
    <mergeCell ref="G42:H42"/>
    <mergeCell ref="E43:F43"/>
    <mergeCell ref="G43:H43"/>
    <mergeCell ref="E44:F44"/>
    <mergeCell ref="C44:D44"/>
    <mergeCell ref="C42:D42"/>
    <mergeCell ref="C43:D43"/>
    <mergeCell ref="E42:F42"/>
    <mergeCell ref="G37:H37"/>
    <mergeCell ref="E38:F38"/>
    <mergeCell ref="G44:H44"/>
    <mergeCell ref="E39:F39"/>
    <mergeCell ref="G39:H39"/>
    <mergeCell ref="G41:H41"/>
    <mergeCell ref="A46:A47"/>
    <mergeCell ref="D46:E46"/>
    <mergeCell ref="F46:G46"/>
    <mergeCell ref="H46:H48"/>
    <mergeCell ref="A58:B58"/>
    <mergeCell ref="A59:A61"/>
    <mergeCell ref="D59:E59"/>
    <mergeCell ref="F59:G59"/>
    <mergeCell ref="H59:H61"/>
    <mergeCell ref="A106:A107"/>
    <mergeCell ref="D80:D81"/>
    <mergeCell ref="G80:H81"/>
    <mergeCell ref="A76:D76"/>
    <mergeCell ref="A78:D78"/>
    <mergeCell ref="E78:H78"/>
    <mergeCell ref="C80:C81"/>
    <mergeCell ref="E80:E81"/>
    <mergeCell ref="F80:F81"/>
    <mergeCell ref="A80:B81"/>
    <mergeCell ref="E76:H76"/>
    <mergeCell ref="A104:B104"/>
    <mergeCell ref="A96:B100"/>
    <mergeCell ref="B106:B108"/>
    <mergeCell ref="F103:H103"/>
    <mergeCell ref="F104:H104"/>
    <mergeCell ref="D103:E103"/>
    <mergeCell ref="D104:E104"/>
    <mergeCell ref="D98:E99"/>
    <mergeCell ref="A94:B94"/>
    <mergeCell ref="F94:H94"/>
    <mergeCell ref="D92:E92"/>
    <mergeCell ref="F92:H92"/>
    <mergeCell ref="C98:C100"/>
    <mergeCell ref="E36:F36"/>
    <mergeCell ref="E40:F40"/>
    <mergeCell ref="E41:F41"/>
    <mergeCell ref="C30:D30"/>
    <mergeCell ref="C31:D31"/>
    <mergeCell ref="E31:F31"/>
    <mergeCell ref="G31:H31"/>
    <mergeCell ref="E37:F37"/>
    <mergeCell ref="G40:H40"/>
    <mergeCell ref="C41:D41"/>
    <mergeCell ref="C35:D35"/>
    <mergeCell ref="C36:D36"/>
    <mergeCell ref="C37:D37"/>
    <mergeCell ref="C38:D38"/>
    <mergeCell ref="C39:D39"/>
    <mergeCell ref="C40:D40"/>
    <mergeCell ref="G35:H35"/>
    <mergeCell ref="G36:H36"/>
    <mergeCell ref="C33:D34"/>
    <mergeCell ref="G38:H38"/>
    <mergeCell ref="D102:E102"/>
    <mergeCell ref="C106:C108"/>
    <mergeCell ref="F102:H102"/>
    <mergeCell ref="D94:E94"/>
    <mergeCell ref="D93:E93"/>
    <mergeCell ref="F93:H93"/>
    <mergeCell ref="G82:H82"/>
    <mergeCell ref="G83:H83"/>
    <mergeCell ref="C86:H87"/>
    <mergeCell ref="F88:H90"/>
    <mergeCell ref="D106:E106"/>
    <mergeCell ref="F106:G106"/>
    <mergeCell ref="H106:H108"/>
    <mergeCell ref="C88:C90"/>
    <mergeCell ref="D91:E91"/>
    <mergeCell ref="F91:H91"/>
    <mergeCell ref="F101:H101"/>
    <mergeCell ref="D100:E100"/>
    <mergeCell ref="D101:E101"/>
    <mergeCell ref="A3:H3"/>
    <mergeCell ref="E13:F13"/>
    <mergeCell ref="G13:H13"/>
    <mergeCell ref="E14:F14"/>
    <mergeCell ref="G14:H14"/>
    <mergeCell ref="A10:A12"/>
    <mergeCell ref="B10:B12"/>
    <mergeCell ref="E19:F19"/>
    <mergeCell ref="C12:D12"/>
    <mergeCell ref="C13:D13"/>
    <mergeCell ref="C14:D14"/>
    <mergeCell ref="A4:H4"/>
    <mergeCell ref="A5:H5"/>
    <mergeCell ref="E16:F16"/>
    <mergeCell ref="G16:H16"/>
    <mergeCell ref="E17:F17"/>
    <mergeCell ref="E18:F18"/>
    <mergeCell ref="C15:D15"/>
    <mergeCell ref="C16:D16"/>
    <mergeCell ref="C17:D17"/>
    <mergeCell ref="C18:D18"/>
    <mergeCell ref="C19:D19"/>
    <mergeCell ref="C29:D29"/>
    <mergeCell ref="C23:D23"/>
    <mergeCell ref="C24:D24"/>
    <mergeCell ref="C25:D25"/>
    <mergeCell ref="C27:D27"/>
    <mergeCell ref="E29:F29"/>
    <mergeCell ref="E30:F30"/>
    <mergeCell ref="G30:H30"/>
    <mergeCell ref="G21:H21"/>
    <mergeCell ref="E22:F22"/>
    <mergeCell ref="G22:H22"/>
    <mergeCell ref="G29:H29"/>
    <mergeCell ref="G26:H26"/>
    <mergeCell ref="E27:F27"/>
    <mergeCell ref="G27:H27"/>
    <mergeCell ref="E28:F28"/>
    <mergeCell ref="G28:H28"/>
    <mergeCell ref="E23:F23"/>
    <mergeCell ref="G23:H23"/>
    <mergeCell ref="C26:D26"/>
    <mergeCell ref="E26:F26"/>
    <mergeCell ref="E20:F20"/>
    <mergeCell ref="A6:H6"/>
    <mergeCell ref="E21:F21"/>
    <mergeCell ref="A7:H7"/>
    <mergeCell ref="C10:D11"/>
    <mergeCell ref="C20:D20"/>
    <mergeCell ref="C21:D21"/>
    <mergeCell ref="C22:D22"/>
    <mergeCell ref="C28:D28"/>
    <mergeCell ref="E24:F24"/>
    <mergeCell ref="G24:H24"/>
    <mergeCell ref="E25:F25"/>
    <mergeCell ref="G25:H25"/>
    <mergeCell ref="G15:H15"/>
    <mergeCell ref="G17:H17"/>
    <mergeCell ref="G18:H18"/>
    <mergeCell ref="G19:H19"/>
    <mergeCell ref="G20:H20"/>
  </mergeCells>
  <printOptions horizontalCentered="1"/>
  <pageMargins left="0.19685039370078741" right="0.19685039370078741" top="0.78740157480314965" bottom="0.98425196850393704" header="0" footer="0"/>
  <pageSetup paperSize="9" scale="53" fitToHeight="2" orientation="portrait" r:id="rId8"/>
  <drawing r:id="rId9"/>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M58"/>
  <sheetViews>
    <sheetView showGridLines="0" zoomScaleNormal="100" workbookViewId="0"/>
  </sheetViews>
  <sheetFormatPr defaultRowHeight="11.25" customHeight="1" x14ac:dyDescent="0.2"/>
  <cols>
    <col min="1" max="1" width="48.85546875" style="289" customWidth="1"/>
    <col min="2" max="2" width="14.42578125" style="289" customWidth="1"/>
    <col min="3" max="3" width="19.140625" style="289" customWidth="1"/>
    <col min="4" max="12" width="6.7109375" style="289" customWidth="1"/>
    <col min="13" max="13" width="8" style="228" customWidth="1"/>
    <col min="14" max="245" width="9.140625" style="289"/>
    <col min="246" max="246" width="32" style="289" customWidth="1"/>
    <col min="247" max="247" width="9.140625" style="289"/>
    <col min="248" max="248" width="9.140625" style="289" customWidth="1"/>
    <col min="249" max="249" width="9.140625" style="289"/>
    <col min="250" max="250" width="9.140625" style="289" customWidth="1"/>
    <col min="251" max="251" width="7" style="289" customWidth="1"/>
    <col min="252" max="252" width="9.140625" style="289" customWidth="1"/>
    <col min="253" max="253" width="7.42578125" style="289" customWidth="1"/>
    <col min="254" max="254" width="9.140625" style="289" customWidth="1"/>
    <col min="255" max="255" width="7.42578125" style="289" customWidth="1"/>
    <col min="256" max="257" width="9.140625" style="289" customWidth="1"/>
    <col min="258" max="258" width="7.42578125" style="289" customWidth="1"/>
    <col min="259" max="259" width="9.140625" style="289" customWidth="1"/>
    <col min="260" max="260" width="7.85546875" style="289" customWidth="1"/>
    <col min="261" max="262" width="9.140625" style="289" customWidth="1"/>
    <col min="263" max="263" width="7.7109375" style="289" customWidth="1"/>
    <col min="264" max="264" width="9.140625" style="289" customWidth="1"/>
    <col min="265" max="265" width="7.5703125" style="289" customWidth="1"/>
    <col min="266" max="266" width="9.140625" style="289" customWidth="1"/>
    <col min="267" max="268" width="7.7109375" style="289" customWidth="1"/>
    <col min="269" max="269" width="8" style="289" customWidth="1"/>
    <col min="270" max="501" width="9.140625" style="289"/>
    <col min="502" max="502" width="32" style="289" customWidth="1"/>
    <col min="503" max="503" width="9.140625" style="289"/>
    <col min="504" max="504" width="9.140625" style="289" customWidth="1"/>
    <col min="505" max="505" width="9.140625" style="289"/>
    <col min="506" max="506" width="9.140625" style="289" customWidth="1"/>
    <col min="507" max="507" width="7" style="289" customWidth="1"/>
    <col min="508" max="508" width="9.140625" style="289" customWidth="1"/>
    <col min="509" max="509" width="7.42578125" style="289" customWidth="1"/>
    <col min="510" max="510" width="9.140625" style="289" customWidth="1"/>
    <col min="511" max="511" width="7.42578125" style="289" customWidth="1"/>
    <col min="512" max="513" width="9.140625" style="289" customWidth="1"/>
    <col min="514" max="514" width="7.42578125" style="289" customWidth="1"/>
    <col min="515" max="515" width="9.140625" style="289" customWidth="1"/>
    <col min="516" max="516" width="7.85546875" style="289" customWidth="1"/>
    <col min="517" max="518" width="9.140625" style="289" customWidth="1"/>
    <col min="519" max="519" width="7.7109375" style="289" customWidth="1"/>
    <col min="520" max="520" width="9.140625" style="289" customWidth="1"/>
    <col min="521" max="521" width="7.5703125" style="289" customWidth="1"/>
    <col min="522" max="522" width="9.140625" style="289" customWidth="1"/>
    <col min="523" max="524" width="7.7109375" style="289" customWidth="1"/>
    <col min="525" max="525" width="8" style="289" customWidth="1"/>
    <col min="526" max="757" width="9.140625" style="289"/>
    <col min="758" max="758" width="32" style="289" customWidth="1"/>
    <col min="759" max="759" width="9.140625" style="289"/>
    <col min="760" max="760" width="9.140625" style="289" customWidth="1"/>
    <col min="761" max="761" width="9.140625" style="289"/>
    <col min="762" max="762" width="9.140625" style="289" customWidth="1"/>
    <col min="763" max="763" width="7" style="289" customWidth="1"/>
    <col min="764" max="764" width="9.140625" style="289" customWidth="1"/>
    <col min="765" max="765" width="7.42578125" style="289" customWidth="1"/>
    <col min="766" max="766" width="9.140625" style="289" customWidth="1"/>
    <col min="767" max="767" width="7.42578125" style="289" customWidth="1"/>
    <col min="768" max="769" width="9.140625" style="289" customWidth="1"/>
    <col min="770" max="770" width="7.42578125" style="289" customWidth="1"/>
    <col min="771" max="771" width="9.140625" style="289" customWidth="1"/>
    <col min="772" max="772" width="7.85546875" style="289" customWidth="1"/>
    <col min="773" max="774" width="9.140625" style="289" customWidth="1"/>
    <col min="775" max="775" width="7.7109375" style="289" customWidth="1"/>
    <col min="776" max="776" width="9.140625" style="289" customWidth="1"/>
    <col min="777" max="777" width="7.5703125" style="289" customWidth="1"/>
    <col min="778" max="778" width="9.140625" style="289" customWidth="1"/>
    <col min="779" max="780" width="7.7109375" style="289" customWidth="1"/>
    <col min="781" max="781" width="8" style="289" customWidth="1"/>
    <col min="782" max="1013" width="9.140625" style="289"/>
    <col min="1014" max="1014" width="32" style="289" customWidth="1"/>
    <col min="1015" max="1015" width="9.140625" style="289"/>
    <col min="1016" max="1016" width="9.140625" style="289" customWidth="1"/>
    <col min="1017" max="1017" width="9.140625" style="289"/>
    <col min="1018" max="1018" width="9.140625" style="289" customWidth="1"/>
    <col min="1019" max="1019" width="7" style="289" customWidth="1"/>
    <col min="1020" max="1020" width="9.140625" style="289" customWidth="1"/>
    <col min="1021" max="1021" width="7.42578125" style="289" customWidth="1"/>
    <col min="1022" max="1022" width="9.140625" style="289" customWidth="1"/>
    <col min="1023" max="1023" width="7.42578125" style="289" customWidth="1"/>
    <col min="1024" max="1025" width="9.140625" style="289" customWidth="1"/>
    <col min="1026" max="1026" width="7.42578125" style="289" customWidth="1"/>
    <col min="1027" max="1027" width="9.140625" style="289" customWidth="1"/>
    <col min="1028" max="1028" width="7.85546875" style="289" customWidth="1"/>
    <col min="1029" max="1030" width="9.140625" style="289" customWidth="1"/>
    <col min="1031" max="1031" width="7.7109375" style="289" customWidth="1"/>
    <col min="1032" max="1032" width="9.140625" style="289" customWidth="1"/>
    <col min="1033" max="1033" width="7.5703125" style="289" customWidth="1"/>
    <col min="1034" max="1034" width="9.140625" style="289" customWidth="1"/>
    <col min="1035" max="1036" width="7.7109375" style="289" customWidth="1"/>
    <col min="1037" max="1037" width="8" style="289" customWidth="1"/>
    <col min="1038" max="1269" width="9.140625" style="289"/>
    <col min="1270" max="1270" width="32" style="289" customWidth="1"/>
    <col min="1271" max="1271" width="9.140625" style="289"/>
    <col min="1272" max="1272" width="9.140625" style="289" customWidth="1"/>
    <col min="1273" max="1273" width="9.140625" style="289"/>
    <col min="1274" max="1274" width="9.140625" style="289" customWidth="1"/>
    <col min="1275" max="1275" width="7" style="289" customWidth="1"/>
    <col min="1276" max="1276" width="9.140625" style="289" customWidth="1"/>
    <col min="1277" max="1277" width="7.42578125" style="289" customWidth="1"/>
    <col min="1278" max="1278" width="9.140625" style="289" customWidth="1"/>
    <col min="1279" max="1279" width="7.42578125" style="289" customWidth="1"/>
    <col min="1280" max="1281" width="9.140625" style="289" customWidth="1"/>
    <col min="1282" max="1282" width="7.42578125" style="289" customWidth="1"/>
    <col min="1283" max="1283" width="9.140625" style="289" customWidth="1"/>
    <col min="1284" max="1284" width="7.85546875" style="289" customWidth="1"/>
    <col min="1285" max="1286" width="9.140625" style="289" customWidth="1"/>
    <col min="1287" max="1287" width="7.7109375" style="289" customWidth="1"/>
    <col min="1288" max="1288" width="9.140625" style="289" customWidth="1"/>
    <col min="1289" max="1289" width="7.5703125" style="289" customWidth="1"/>
    <col min="1290" max="1290" width="9.140625" style="289" customWidth="1"/>
    <col min="1291" max="1292" width="7.7109375" style="289" customWidth="1"/>
    <col min="1293" max="1293" width="8" style="289" customWidth="1"/>
    <col min="1294" max="1525" width="9.140625" style="289"/>
    <col min="1526" max="1526" width="32" style="289" customWidth="1"/>
    <col min="1527" max="1527" width="9.140625" style="289"/>
    <col min="1528" max="1528" width="9.140625" style="289" customWidth="1"/>
    <col min="1529" max="1529" width="9.140625" style="289"/>
    <col min="1530" max="1530" width="9.140625" style="289" customWidth="1"/>
    <col min="1531" max="1531" width="7" style="289" customWidth="1"/>
    <col min="1532" max="1532" width="9.140625" style="289" customWidth="1"/>
    <col min="1533" max="1533" width="7.42578125" style="289" customWidth="1"/>
    <col min="1534" max="1534" width="9.140625" style="289" customWidth="1"/>
    <col min="1535" max="1535" width="7.42578125" style="289" customWidth="1"/>
    <col min="1536" max="1537" width="9.140625" style="289" customWidth="1"/>
    <col min="1538" max="1538" width="7.42578125" style="289" customWidth="1"/>
    <col min="1539" max="1539" width="9.140625" style="289" customWidth="1"/>
    <col min="1540" max="1540" width="7.85546875" style="289" customWidth="1"/>
    <col min="1541" max="1542" width="9.140625" style="289" customWidth="1"/>
    <col min="1543" max="1543" width="7.7109375" style="289" customWidth="1"/>
    <col min="1544" max="1544" width="9.140625" style="289" customWidth="1"/>
    <col min="1545" max="1545" width="7.5703125" style="289" customWidth="1"/>
    <col min="1546" max="1546" width="9.140625" style="289" customWidth="1"/>
    <col min="1547" max="1548" width="7.7109375" style="289" customWidth="1"/>
    <col min="1549" max="1549" width="8" style="289" customWidth="1"/>
    <col min="1550" max="1781" width="9.140625" style="289"/>
    <col min="1782" max="1782" width="32" style="289" customWidth="1"/>
    <col min="1783" max="1783" width="9.140625" style="289"/>
    <col min="1784" max="1784" width="9.140625" style="289" customWidth="1"/>
    <col min="1785" max="1785" width="9.140625" style="289"/>
    <col min="1786" max="1786" width="9.140625" style="289" customWidth="1"/>
    <col min="1787" max="1787" width="7" style="289" customWidth="1"/>
    <col min="1788" max="1788" width="9.140625" style="289" customWidth="1"/>
    <col min="1789" max="1789" width="7.42578125" style="289" customWidth="1"/>
    <col min="1790" max="1790" width="9.140625" style="289" customWidth="1"/>
    <col min="1791" max="1791" width="7.42578125" style="289" customWidth="1"/>
    <col min="1792" max="1793" width="9.140625" style="289" customWidth="1"/>
    <col min="1794" max="1794" width="7.42578125" style="289" customWidth="1"/>
    <col min="1795" max="1795" width="9.140625" style="289" customWidth="1"/>
    <col min="1796" max="1796" width="7.85546875" style="289" customWidth="1"/>
    <col min="1797" max="1798" width="9.140625" style="289" customWidth="1"/>
    <col min="1799" max="1799" width="7.7109375" style="289" customWidth="1"/>
    <col min="1800" max="1800" width="9.140625" style="289" customWidth="1"/>
    <col min="1801" max="1801" width="7.5703125" style="289" customWidth="1"/>
    <col min="1802" max="1802" width="9.140625" style="289" customWidth="1"/>
    <col min="1803" max="1804" width="7.7109375" style="289" customWidth="1"/>
    <col min="1805" max="1805" width="8" style="289" customWidth="1"/>
    <col min="1806" max="2037" width="9.140625" style="289"/>
    <col min="2038" max="2038" width="32" style="289" customWidth="1"/>
    <col min="2039" max="2039" width="9.140625" style="289"/>
    <col min="2040" max="2040" width="9.140625" style="289" customWidth="1"/>
    <col min="2041" max="2041" width="9.140625" style="289"/>
    <col min="2042" max="2042" width="9.140625" style="289" customWidth="1"/>
    <col min="2043" max="2043" width="7" style="289" customWidth="1"/>
    <col min="2044" max="2044" width="9.140625" style="289" customWidth="1"/>
    <col min="2045" max="2045" width="7.42578125" style="289" customWidth="1"/>
    <col min="2046" max="2046" width="9.140625" style="289" customWidth="1"/>
    <col min="2047" max="2047" width="7.42578125" style="289" customWidth="1"/>
    <col min="2048" max="2049" width="9.140625" style="289" customWidth="1"/>
    <col min="2050" max="2050" width="7.42578125" style="289" customWidth="1"/>
    <col min="2051" max="2051" width="9.140625" style="289" customWidth="1"/>
    <col min="2052" max="2052" width="7.85546875" style="289" customWidth="1"/>
    <col min="2053" max="2054" width="9.140625" style="289" customWidth="1"/>
    <col min="2055" max="2055" width="7.7109375" style="289" customWidth="1"/>
    <col min="2056" max="2056" width="9.140625" style="289" customWidth="1"/>
    <col min="2057" max="2057" width="7.5703125" style="289" customWidth="1"/>
    <col min="2058" max="2058" width="9.140625" style="289" customWidth="1"/>
    <col min="2059" max="2060" width="7.7109375" style="289" customWidth="1"/>
    <col min="2061" max="2061" width="8" style="289" customWidth="1"/>
    <col min="2062" max="2293" width="9.140625" style="289"/>
    <col min="2294" max="2294" width="32" style="289" customWidth="1"/>
    <col min="2295" max="2295" width="9.140625" style="289"/>
    <col min="2296" max="2296" width="9.140625" style="289" customWidth="1"/>
    <col min="2297" max="2297" width="9.140625" style="289"/>
    <col min="2298" max="2298" width="9.140625" style="289" customWidth="1"/>
    <col min="2299" max="2299" width="7" style="289" customWidth="1"/>
    <col min="2300" max="2300" width="9.140625" style="289" customWidth="1"/>
    <col min="2301" max="2301" width="7.42578125" style="289" customWidth="1"/>
    <col min="2302" max="2302" width="9.140625" style="289" customWidth="1"/>
    <col min="2303" max="2303" width="7.42578125" style="289" customWidth="1"/>
    <col min="2304" max="2305" width="9.140625" style="289" customWidth="1"/>
    <col min="2306" max="2306" width="7.42578125" style="289" customWidth="1"/>
    <col min="2307" max="2307" width="9.140625" style="289" customWidth="1"/>
    <col min="2308" max="2308" width="7.85546875" style="289" customWidth="1"/>
    <col min="2309" max="2310" width="9.140625" style="289" customWidth="1"/>
    <col min="2311" max="2311" width="7.7109375" style="289" customWidth="1"/>
    <col min="2312" max="2312" width="9.140625" style="289" customWidth="1"/>
    <col min="2313" max="2313" width="7.5703125" style="289" customWidth="1"/>
    <col min="2314" max="2314" width="9.140625" style="289" customWidth="1"/>
    <col min="2315" max="2316" width="7.7109375" style="289" customWidth="1"/>
    <col min="2317" max="2317" width="8" style="289" customWidth="1"/>
    <col min="2318" max="2549" width="9.140625" style="289"/>
    <col min="2550" max="2550" width="32" style="289" customWidth="1"/>
    <col min="2551" max="2551" width="9.140625" style="289"/>
    <col min="2552" max="2552" width="9.140625" style="289" customWidth="1"/>
    <col min="2553" max="2553" width="9.140625" style="289"/>
    <col min="2554" max="2554" width="9.140625" style="289" customWidth="1"/>
    <col min="2555" max="2555" width="7" style="289" customWidth="1"/>
    <col min="2556" max="2556" width="9.140625" style="289" customWidth="1"/>
    <col min="2557" max="2557" width="7.42578125" style="289" customWidth="1"/>
    <col min="2558" max="2558" width="9.140625" style="289" customWidth="1"/>
    <col min="2559" max="2559" width="7.42578125" style="289" customWidth="1"/>
    <col min="2560" max="2561" width="9.140625" style="289" customWidth="1"/>
    <col min="2562" max="2562" width="7.42578125" style="289" customWidth="1"/>
    <col min="2563" max="2563" width="9.140625" style="289" customWidth="1"/>
    <col min="2564" max="2564" width="7.85546875" style="289" customWidth="1"/>
    <col min="2565" max="2566" width="9.140625" style="289" customWidth="1"/>
    <col min="2567" max="2567" width="7.7109375" style="289" customWidth="1"/>
    <col min="2568" max="2568" width="9.140625" style="289" customWidth="1"/>
    <col min="2569" max="2569" width="7.5703125" style="289" customWidth="1"/>
    <col min="2570" max="2570" width="9.140625" style="289" customWidth="1"/>
    <col min="2571" max="2572" width="7.7109375" style="289" customWidth="1"/>
    <col min="2573" max="2573" width="8" style="289" customWidth="1"/>
    <col min="2574" max="2805" width="9.140625" style="289"/>
    <col min="2806" max="2806" width="32" style="289" customWidth="1"/>
    <col min="2807" max="2807" width="9.140625" style="289"/>
    <col min="2808" max="2808" width="9.140625" style="289" customWidth="1"/>
    <col min="2809" max="2809" width="9.140625" style="289"/>
    <col min="2810" max="2810" width="9.140625" style="289" customWidth="1"/>
    <col min="2811" max="2811" width="7" style="289" customWidth="1"/>
    <col min="2812" max="2812" width="9.140625" style="289" customWidth="1"/>
    <col min="2813" max="2813" width="7.42578125" style="289" customWidth="1"/>
    <col min="2814" max="2814" width="9.140625" style="289" customWidth="1"/>
    <col min="2815" max="2815" width="7.42578125" style="289" customWidth="1"/>
    <col min="2816" max="2817" width="9.140625" style="289" customWidth="1"/>
    <col min="2818" max="2818" width="7.42578125" style="289" customWidth="1"/>
    <col min="2819" max="2819" width="9.140625" style="289" customWidth="1"/>
    <col min="2820" max="2820" width="7.85546875" style="289" customWidth="1"/>
    <col min="2821" max="2822" width="9.140625" style="289" customWidth="1"/>
    <col min="2823" max="2823" width="7.7109375" style="289" customWidth="1"/>
    <col min="2824" max="2824" width="9.140625" style="289" customWidth="1"/>
    <col min="2825" max="2825" width="7.5703125" style="289" customWidth="1"/>
    <col min="2826" max="2826" width="9.140625" style="289" customWidth="1"/>
    <col min="2827" max="2828" width="7.7109375" style="289" customWidth="1"/>
    <col min="2829" max="2829" width="8" style="289" customWidth="1"/>
    <col min="2830" max="3061" width="9.140625" style="289"/>
    <col min="3062" max="3062" width="32" style="289" customWidth="1"/>
    <col min="3063" max="3063" width="9.140625" style="289"/>
    <col min="3064" max="3064" width="9.140625" style="289" customWidth="1"/>
    <col min="3065" max="3065" width="9.140625" style="289"/>
    <col min="3066" max="3066" width="9.140625" style="289" customWidth="1"/>
    <col min="3067" max="3067" width="7" style="289" customWidth="1"/>
    <col min="3068" max="3068" width="9.140625" style="289" customWidth="1"/>
    <col min="3069" max="3069" width="7.42578125" style="289" customWidth="1"/>
    <col min="3070" max="3070" width="9.140625" style="289" customWidth="1"/>
    <col min="3071" max="3071" width="7.42578125" style="289" customWidth="1"/>
    <col min="3072" max="3073" width="9.140625" style="289" customWidth="1"/>
    <col min="3074" max="3074" width="7.42578125" style="289" customWidth="1"/>
    <col min="3075" max="3075" width="9.140625" style="289" customWidth="1"/>
    <col min="3076" max="3076" width="7.85546875" style="289" customWidth="1"/>
    <col min="3077" max="3078" width="9.140625" style="289" customWidth="1"/>
    <col min="3079" max="3079" width="7.7109375" style="289" customWidth="1"/>
    <col min="3080" max="3080" width="9.140625" style="289" customWidth="1"/>
    <col min="3081" max="3081" width="7.5703125" style="289" customWidth="1"/>
    <col min="3082" max="3082" width="9.140625" style="289" customWidth="1"/>
    <col min="3083" max="3084" width="7.7109375" style="289" customWidth="1"/>
    <col min="3085" max="3085" width="8" style="289" customWidth="1"/>
    <col min="3086" max="3317" width="9.140625" style="289"/>
    <col min="3318" max="3318" width="32" style="289" customWidth="1"/>
    <col min="3319" max="3319" width="9.140625" style="289"/>
    <col min="3320" max="3320" width="9.140625" style="289" customWidth="1"/>
    <col min="3321" max="3321" width="9.140625" style="289"/>
    <col min="3322" max="3322" width="9.140625" style="289" customWidth="1"/>
    <col min="3323" max="3323" width="7" style="289" customWidth="1"/>
    <col min="3324" max="3324" width="9.140625" style="289" customWidth="1"/>
    <col min="3325" max="3325" width="7.42578125" style="289" customWidth="1"/>
    <col min="3326" max="3326" width="9.140625" style="289" customWidth="1"/>
    <col min="3327" max="3327" width="7.42578125" style="289" customWidth="1"/>
    <col min="3328" max="3329" width="9.140625" style="289" customWidth="1"/>
    <col min="3330" max="3330" width="7.42578125" style="289" customWidth="1"/>
    <col min="3331" max="3331" width="9.140625" style="289" customWidth="1"/>
    <col min="3332" max="3332" width="7.85546875" style="289" customWidth="1"/>
    <col min="3333" max="3334" width="9.140625" style="289" customWidth="1"/>
    <col min="3335" max="3335" width="7.7109375" style="289" customWidth="1"/>
    <col min="3336" max="3336" width="9.140625" style="289" customWidth="1"/>
    <col min="3337" max="3337" width="7.5703125" style="289" customWidth="1"/>
    <col min="3338" max="3338" width="9.140625" style="289" customWidth="1"/>
    <col min="3339" max="3340" width="7.7109375" style="289" customWidth="1"/>
    <col min="3341" max="3341" width="8" style="289" customWidth="1"/>
    <col min="3342" max="3573" width="9.140625" style="289"/>
    <col min="3574" max="3574" width="32" style="289" customWidth="1"/>
    <col min="3575" max="3575" width="9.140625" style="289"/>
    <col min="3576" max="3576" width="9.140625" style="289" customWidth="1"/>
    <col min="3577" max="3577" width="9.140625" style="289"/>
    <col min="3578" max="3578" width="9.140625" style="289" customWidth="1"/>
    <col min="3579" max="3579" width="7" style="289" customWidth="1"/>
    <col min="3580" max="3580" width="9.140625" style="289" customWidth="1"/>
    <col min="3581" max="3581" width="7.42578125" style="289" customWidth="1"/>
    <col min="3582" max="3582" width="9.140625" style="289" customWidth="1"/>
    <col min="3583" max="3583" width="7.42578125" style="289" customWidth="1"/>
    <col min="3584" max="3585" width="9.140625" style="289" customWidth="1"/>
    <col min="3586" max="3586" width="7.42578125" style="289" customWidth="1"/>
    <col min="3587" max="3587" width="9.140625" style="289" customWidth="1"/>
    <col min="3588" max="3588" width="7.85546875" style="289" customWidth="1"/>
    <col min="3589" max="3590" width="9.140625" style="289" customWidth="1"/>
    <col min="3591" max="3591" width="7.7109375" style="289" customWidth="1"/>
    <col min="3592" max="3592" width="9.140625" style="289" customWidth="1"/>
    <col min="3593" max="3593" width="7.5703125" style="289" customWidth="1"/>
    <col min="3594" max="3594" width="9.140625" style="289" customWidth="1"/>
    <col min="3595" max="3596" width="7.7109375" style="289" customWidth="1"/>
    <col min="3597" max="3597" width="8" style="289" customWidth="1"/>
    <col min="3598" max="3829" width="9.140625" style="289"/>
    <col min="3830" max="3830" width="32" style="289" customWidth="1"/>
    <col min="3831" max="3831" width="9.140625" style="289"/>
    <col min="3832" max="3832" width="9.140625" style="289" customWidth="1"/>
    <col min="3833" max="3833" width="9.140625" style="289"/>
    <col min="3834" max="3834" width="9.140625" style="289" customWidth="1"/>
    <col min="3835" max="3835" width="7" style="289" customWidth="1"/>
    <col min="3836" max="3836" width="9.140625" style="289" customWidth="1"/>
    <col min="3837" max="3837" width="7.42578125" style="289" customWidth="1"/>
    <col min="3838" max="3838" width="9.140625" style="289" customWidth="1"/>
    <col min="3839" max="3839" width="7.42578125" style="289" customWidth="1"/>
    <col min="3840" max="3841" width="9.140625" style="289" customWidth="1"/>
    <col min="3842" max="3842" width="7.42578125" style="289" customWidth="1"/>
    <col min="3843" max="3843" width="9.140625" style="289" customWidth="1"/>
    <col min="3844" max="3844" width="7.85546875" style="289" customWidth="1"/>
    <col min="3845" max="3846" width="9.140625" style="289" customWidth="1"/>
    <col min="3847" max="3847" width="7.7109375" style="289" customWidth="1"/>
    <col min="3848" max="3848" width="9.140625" style="289" customWidth="1"/>
    <col min="3849" max="3849" width="7.5703125" style="289" customWidth="1"/>
    <col min="3850" max="3850" width="9.140625" style="289" customWidth="1"/>
    <col min="3851" max="3852" width="7.7109375" style="289" customWidth="1"/>
    <col min="3853" max="3853" width="8" style="289" customWidth="1"/>
    <col min="3854" max="4085" width="9.140625" style="289"/>
    <col min="4086" max="4086" width="32" style="289" customWidth="1"/>
    <col min="4087" max="4087" width="9.140625" style="289"/>
    <col min="4088" max="4088" width="9.140625" style="289" customWidth="1"/>
    <col min="4089" max="4089" width="9.140625" style="289"/>
    <col min="4090" max="4090" width="9.140625" style="289" customWidth="1"/>
    <col min="4091" max="4091" width="7" style="289" customWidth="1"/>
    <col min="4092" max="4092" width="9.140625" style="289" customWidth="1"/>
    <col min="4093" max="4093" width="7.42578125" style="289" customWidth="1"/>
    <col min="4094" max="4094" width="9.140625" style="289" customWidth="1"/>
    <col min="4095" max="4095" width="7.42578125" style="289" customWidth="1"/>
    <col min="4096" max="4097" width="9.140625" style="289" customWidth="1"/>
    <col min="4098" max="4098" width="7.42578125" style="289" customWidth="1"/>
    <col min="4099" max="4099" width="9.140625" style="289" customWidth="1"/>
    <col min="4100" max="4100" width="7.85546875" style="289" customWidth="1"/>
    <col min="4101" max="4102" width="9.140625" style="289" customWidth="1"/>
    <col min="4103" max="4103" width="7.7109375" style="289" customWidth="1"/>
    <col min="4104" max="4104" width="9.140625" style="289" customWidth="1"/>
    <col min="4105" max="4105" width="7.5703125" style="289" customWidth="1"/>
    <col min="4106" max="4106" width="9.140625" style="289" customWidth="1"/>
    <col min="4107" max="4108" width="7.7109375" style="289" customWidth="1"/>
    <col min="4109" max="4109" width="8" style="289" customWidth="1"/>
    <col min="4110" max="4341" width="9.140625" style="289"/>
    <col min="4342" max="4342" width="32" style="289" customWidth="1"/>
    <col min="4343" max="4343" width="9.140625" style="289"/>
    <col min="4344" max="4344" width="9.140625" style="289" customWidth="1"/>
    <col min="4345" max="4345" width="9.140625" style="289"/>
    <col min="4346" max="4346" width="9.140625" style="289" customWidth="1"/>
    <col min="4347" max="4347" width="7" style="289" customWidth="1"/>
    <col min="4348" max="4348" width="9.140625" style="289" customWidth="1"/>
    <col min="4349" max="4349" width="7.42578125" style="289" customWidth="1"/>
    <col min="4350" max="4350" width="9.140625" style="289" customWidth="1"/>
    <col min="4351" max="4351" width="7.42578125" style="289" customWidth="1"/>
    <col min="4352" max="4353" width="9.140625" style="289" customWidth="1"/>
    <col min="4354" max="4354" width="7.42578125" style="289" customWidth="1"/>
    <col min="4355" max="4355" width="9.140625" style="289" customWidth="1"/>
    <col min="4356" max="4356" width="7.85546875" style="289" customWidth="1"/>
    <col min="4357" max="4358" width="9.140625" style="289" customWidth="1"/>
    <col min="4359" max="4359" width="7.7109375" style="289" customWidth="1"/>
    <col min="4360" max="4360" width="9.140625" style="289" customWidth="1"/>
    <col min="4361" max="4361" width="7.5703125" style="289" customWidth="1"/>
    <col min="4362" max="4362" width="9.140625" style="289" customWidth="1"/>
    <col min="4363" max="4364" width="7.7109375" style="289" customWidth="1"/>
    <col min="4365" max="4365" width="8" style="289" customWidth="1"/>
    <col min="4366" max="4597" width="9.140625" style="289"/>
    <col min="4598" max="4598" width="32" style="289" customWidth="1"/>
    <col min="4599" max="4599" width="9.140625" style="289"/>
    <col min="4600" max="4600" width="9.140625" style="289" customWidth="1"/>
    <col min="4601" max="4601" width="9.140625" style="289"/>
    <col min="4602" max="4602" width="9.140625" style="289" customWidth="1"/>
    <col min="4603" max="4603" width="7" style="289" customWidth="1"/>
    <col min="4604" max="4604" width="9.140625" style="289" customWidth="1"/>
    <col min="4605" max="4605" width="7.42578125" style="289" customWidth="1"/>
    <col min="4606" max="4606" width="9.140625" style="289" customWidth="1"/>
    <col min="4607" max="4607" width="7.42578125" style="289" customWidth="1"/>
    <col min="4608" max="4609" width="9.140625" style="289" customWidth="1"/>
    <col min="4610" max="4610" width="7.42578125" style="289" customWidth="1"/>
    <col min="4611" max="4611" width="9.140625" style="289" customWidth="1"/>
    <col min="4612" max="4612" width="7.85546875" style="289" customWidth="1"/>
    <col min="4613" max="4614" width="9.140625" style="289" customWidth="1"/>
    <col min="4615" max="4615" width="7.7109375" style="289" customWidth="1"/>
    <col min="4616" max="4616" width="9.140625" style="289" customWidth="1"/>
    <col min="4617" max="4617" width="7.5703125" style="289" customWidth="1"/>
    <col min="4618" max="4618" width="9.140625" style="289" customWidth="1"/>
    <col min="4619" max="4620" width="7.7109375" style="289" customWidth="1"/>
    <col min="4621" max="4621" width="8" style="289" customWidth="1"/>
    <col min="4622" max="4853" width="9.140625" style="289"/>
    <col min="4854" max="4854" width="32" style="289" customWidth="1"/>
    <col min="4855" max="4855" width="9.140625" style="289"/>
    <col min="4856" max="4856" width="9.140625" style="289" customWidth="1"/>
    <col min="4857" max="4857" width="9.140625" style="289"/>
    <col min="4858" max="4858" width="9.140625" style="289" customWidth="1"/>
    <col min="4859" max="4859" width="7" style="289" customWidth="1"/>
    <col min="4860" max="4860" width="9.140625" style="289" customWidth="1"/>
    <col min="4861" max="4861" width="7.42578125" style="289" customWidth="1"/>
    <col min="4862" max="4862" width="9.140625" style="289" customWidth="1"/>
    <col min="4863" max="4863" width="7.42578125" style="289" customWidth="1"/>
    <col min="4864" max="4865" width="9.140625" style="289" customWidth="1"/>
    <col min="4866" max="4866" width="7.42578125" style="289" customWidth="1"/>
    <col min="4867" max="4867" width="9.140625" style="289" customWidth="1"/>
    <col min="4868" max="4868" width="7.85546875" style="289" customWidth="1"/>
    <col min="4869" max="4870" width="9.140625" style="289" customWidth="1"/>
    <col min="4871" max="4871" width="7.7109375" style="289" customWidth="1"/>
    <col min="4872" max="4872" width="9.140625" style="289" customWidth="1"/>
    <col min="4873" max="4873" width="7.5703125" style="289" customWidth="1"/>
    <col min="4874" max="4874" width="9.140625" style="289" customWidth="1"/>
    <col min="4875" max="4876" width="7.7109375" style="289" customWidth="1"/>
    <col min="4877" max="4877" width="8" style="289" customWidth="1"/>
    <col min="4878" max="5109" width="9.140625" style="289"/>
    <col min="5110" max="5110" width="32" style="289" customWidth="1"/>
    <col min="5111" max="5111" width="9.140625" style="289"/>
    <col min="5112" max="5112" width="9.140625" style="289" customWidth="1"/>
    <col min="5113" max="5113" width="9.140625" style="289"/>
    <col min="5114" max="5114" width="9.140625" style="289" customWidth="1"/>
    <col min="5115" max="5115" width="7" style="289" customWidth="1"/>
    <col min="5116" max="5116" width="9.140625" style="289" customWidth="1"/>
    <col min="5117" max="5117" width="7.42578125" style="289" customWidth="1"/>
    <col min="5118" max="5118" width="9.140625" style="289" customWidth="1"/>
    <col min="5119" max="5119" width="7.42578125" style="289" customWidth="1"/>
    <col min="5120" max="5121" width="9.140625" style="289" customWidth="1"/>
    <col min="5122" max="5122" width="7.42578125" style="289" customWidth="1"/>
    <col min="5123" max="5123" width="9.140625" style="289" customWidth="1"/>
    <col min="5124" max="5124" width="7.85546875" style="289" customWidth="1"/>
    <col min="5125" max="5126" width="9.140625" style="289" customWidth="1"/>
    <col min="5127" max="5127" width="7.7109375" style="289" customWidth="1"/>
    <col min="5128" max="5128" width="9.140625" style="289" customWidth="1"/>
    <col min="5129" max="5129" width="7.5703125" style="289" customWidth="1"/>
    <col min="5130" max="5130" width="9.140625" style="289" customWidth="1"/>
    <col min="5131" max="5132" width="7.7109375" style="289" customWidth="1"/>
    <col min="5133" max="5133" width="8" style="289" customWidth="1"/>
    <col min="5134" max="5365" width="9.140625" style="289"/>
    <col min="5366" max="5366" width="32" style="289" customWidth="1"/>
    <col min="5367" max="5367" width="9.140625" style="289"/>
    <col min="5368" max="5368" width="9.140625" style="289" customWidth="1"/>
    <col min="5369" max="5369" width="9.140625" style="289"/>
    <col min="5370" max="5370" width="9.140625" style="289" customWidth="1"/>
    <col min="5371" max="5371" width="7" style="289" customWidth="1"/>
    <col min="5372" max="5372" width="9.140625" style="289" customWidth="1"/>
    <col min="5373" max="5373" width="7.42578125" style="289" customWidth="1"/>
    <col min="5374" max="5374" width="9.140625" style="289" customWidth="1"/>
    <col min="5375" max="5375" width="7.42578125" style="289" customWidth="1"/>
    <col min="5376" max="5377" width="9.140625" style="289" customWidth="1"/>
    <col min="5378" max="5378" width="7.42578125" style="289" customWidth="1"/>
    <col min="5379" max="5379" width="9.140625" style="289" customWidth="1"/>
    <col min="5380" max="5380" width="7.85546875" style="289" customWidth="1"/>
    <col min="5381" max="5382" width="9.140625" style="289" customWidth="1"/>
    <col min="5383" max="5383" width="7.7109375" style="289" customWidth="1"/>
    <col min="5384" max="5384" width="9.140625" style="289" customWidth="1"/>
    <col min="5385" max="5385" width="7.5703125" style="289" customWidth="1"/>
    <col min="5386" max="5386" width="9.140625" style="289" customWidth="1"/>
    <col min="5387" max="5388" width="7.7109375" style="289" customWidth="1"/>
    <col min="5389" max="5389" width="8" style="289" customWidth="1"/>
    <col min="5390" max="5621" width="9.140625" style="289"/>
    <col min="5622" max="5622" width="32" style="289" customWidth="1"/>
    <col min="5623" max="5623" width="9.140625" style="289"/>
    <col min="5624" max="5624" width="9.140625" style="289" customWidth="1"/>
    <col min="5625" max="5625" width="9.140625" style="289"/>
    <col min="5626" max="5626" width="9.140625" style="289" customWidth="1"/>
    <col min="5627" max="5627" width="7" style="289" customWidth="1"/>
    <col min="5628" max="5628" width="9.140625" style="289" customWidth="1"/>
    <col min="5629" max="5629" width="7.42578125" style="289" customWidth="1"/>
    <col min="5630" max="5630" width="9.140625" style="289" customWidth="1"/>
    <col min="5631" max="5631" width="7.42578125" style="289" customWidth="1"/>
    <col min="5632" max="5633" width="9.140625" style="289" customWidth="1"/>
    <col min="5634" max="5634" width="7.42578125" style="289" customWidth="1"/>
    <col min="5635" max="5635" width="9.140625" style="289" customWidth="1"/>
    <col min="5636" max="5636" width="7.85546875" style="289" customWidth="1"/>
    <col min="5637" max="5638" width="9.140625" style="289" customWidth="1"/>
    <col min="5639" max="5639" width="7.7109375" style="289" customWidth="1"/>
    <col min="5640" max="5640" width="9.140625" style="289" customWidth="1"/>
    <col min="5641" max="5641" width="7.5703125" style="289" customWidth="1"/>
    <col min="5642" max="5642" width="9.140625" style="289" customWidth="1"/>
    <col min="5643" max="5644" width="7.7109375" style="289" customWidth="1"/>
    <col min="5645" max="5645" width="8" style="289" customWidth="1"/>
    <col min="5646" max="5877" width="9.140625" style="289"/>
    <col min="5878" max="5878" width="32" style="289" customWidth="1"/>
    <col min="5879" max="5879" width="9.140625" style="289"/>
    <col min="5880" max="5880" width="9.140625" style="289" customWidth="1"/>
    <col min="5881" max="5881" width="9.140625" style="289"/>
    <col min="5882" max="5882" width="9.140625" style="289" customWidth="1"/>
    <col min="5883" max="5883" width="7" style="289" customWidth="1"/>
    <col min="5884" max="5884" width="9.140625" style="289" customWidth="1"/>
    <col min="5885" max="5885" width="7.42578125" style="289" customWidth="1"/>
    <col min="5886" max="5886" width="9.140625" style="289" customWidth="1"/>
    <col min="5887" max="5887" width="7.42578125" style="289" customWidth="1"/>
    <col min="5888" max="5889" width="9.140625" style="289" customWidth="1"/>
    <col min="5890" max="5890" width="7.42578125" style="289" customWidth="1"/>
    <col min="5891" max="5891" width="9.140625" style="289" customWidth="1"/>
    <col min="5892" max="5892" width="7.85546875" style="289" customWidth="1"/>
    <col min="5893" max="5894" width="9.140625" style="289" customWidth="1"/>
    <col min="5895" max="5895" width="7.7109375" style="289" customWidth="1"/>
    <col min="5896" max="5896" width="9.140625" style="289" customWidth="1"/>
    <col min="5897" max="5897" width="7.5703125" style="289" customWidth="1"/>
    <col min="5898" max="5898" width="9.140625" style="289" customWidth="1"/>
    <col min="5899" max="5900" width="7.7109375" style="289" customWidth="1"/>
    <col min="5901" max="5901" width="8" style="289" customWidth="1"/>
    <col min="5902" max="6133" width="9.140625" style="289"/>
    <col min="6134" max="6134" width="32" style="289" customWidth="1"/>
    <col min="6135" max="6135" width="9.140625" style="289"/>
    <col min="6136" max="6136" width="9.140625" style="289" customWidth="1"/>
    <col min="6137" max="6137" width="9.140625" style="289"/>
    <col min="6138" max="6138" width="9.140625" style="289" customWidth="1"/>
    <col min="6139" max="6139" width="7" style="289" customWidth="1"/>
    <col min="6140" max="6140" width="9.140625" style="289" customWidth="1"/>
    <col min="6141" max="6141" width="7.42578125" style="289" customWidth="1"/>
    <col min="6142" max="6142" width="9.140625" style="289" customWidth="1"/>
    <col min="6143" max="6143" width="7.42578125" style="289" customWidth="1"/>
    <col min="6144" max="6145" width="9.140625" style="289" customWidth="1"/>
    <col min="6146" max="6146" width="7.42578125" style="289" customWidth="1"/>
    <col min="6147" max="6147" width="9.140625" style="289" customWidth="1"/>
    <col min="6148" max="6148" width="7.85546875" style="289" customWidth="1"/>
    <col min="6149" max="6150" width="9.140625" style="289" customWidth="1"/>
    <col min="6151" max="6151" width="7.7109375" style="289" customWidth="1"/>
    <col min="6152" max="6152" width="9.140625" style="289" customWidth="1"/>
    <col min="6153" max="6153" width="7.5703125" style="289" customWidth="1"/>
    <col min="6154" max="6154" width="9.140625" style="289" customWidth="1"/>
    <col min="6155" max="6156" width="7.7109375" style="289" customWidth="1"/>
    <col min="6157" max="6157" width="8" style="289" customWidth="1"/>
    <col min="6158" max="6389" width="9.140625" style="289"/>
    <col min="6390" max="6390" width="32" style="289" customWidth="1"/>
    <col min="6391" max="6391" width="9.140625" style="289"/>
    <col min="6392" max="6392" width="9.140625" style="289" customWidth="1"/>
    <col min="6393" max="6393" width="9.140625" style="289"/>
    <col min="6394" max="6394" width="9.140625" style="289" customWidth="1"/>
    <col min="6395" max="6395" width="7" style="289" customWidth="1"/>
    <col min="6396" max="6396" width="9.140625" style="289" customWidth="1"/>
    <col min="6397" max="6397" width="7.42578125" style="289" customWidth="1"/>
    <col min="6398" max="6398" width="9.140625" style="289" customWidth="1"/>
    <col min="6399" max="6399" width="7.42578125" style="289" customWidth="1"/>
    <col min="6400" max="6401" width="9.140625" style="289" customWidth="1"/>
    <col min="6402" max="6402" width="7.42578125" style="289" customWidth="1"/>
    <col min="6403" max="6403" width="9.140625" style="289" customWidth="1"/>
    <col min="6404" max="6404" width="7.85546875" style="289" customWidth="1"/>
    <col min="6405" max="6406" width="9.140625" style="289" customWidth="1"/>
    <col min="6407" max="6407" width="7.7109375" style="289" customWidth="1"/>
    <col min="6408" max="6408" width="9.140625" style="289" customWidth="1"/>
    <col min="6409" max="6409" width="7.5703125" style="289" customWidth="1"/>
    <col min="6410" max="6410" width="9.140625" style="289" customWidth="1"/>
    <col min="6411" max="6412" width="7.7109375" style="289" customWidth="1"/>
    <col min="6413" max="6413" width="8" style="289" customWidth="1"/>
    <col min="6414" max="6645" width="9.140625" style="289"/>
    <col min="6646" max="6646" width="32" style="289" customWidth="1"/>
    <col min="6647" max="6647" width="9.140625" style="289"/>
    <col min="6648" max="6648" width="9.140625" style="289" customWidth="1"/>
    <col min="6649" max="6649" width="9.140625" style="289"/>
    <col min="6650" max="6650" width="9.140625" style="289" customWidth="1"/>
    <col min="6651" max="6651" width="7" style="289" customWidth="1"/>
    <col min="6652" max="6652" width="9.140625" style="289" customWidth="1"/>
    <col min="6653" max="6653" width="7.42578125" style="289" customWidth="1"/>
    <col min="6654" max="6654" width="9.140625" style="289" customWidth="1"/>
    <col min="6655" max="6655" width="7.42578125" style="289" customWidth="1"/>
    <col min="6656" max="6657" width="9.140625" style="289" customWidth="1"/>
    <col min="6658" max="6658" width="7.42578125" style="289" customWidth="1"/>
    <col min="6659" max="6659" width="9.140625" style="289" customWidth="1"/>
    <col min="6660" max="6660" width="7.85546875" style="289" customWidth="1"/>
    <col min="6661" max="6662" width="9.140625" style="289" customWidth="1"/>
    <col min="6663" max="6663" width="7.7109375" style="289" customWidth="1"/>
    <col min="6664" max="6664" width="9.140625" style="289" customWidth="1"/>
    <col min="6665" max="6665" width="7.5703125" style="289" customWidth="1"/>
    <col min="6666" max="6666" width="9.140625" style="289" customWidth="1"/>
    <col min="6667" max="6668" width="7.7109375" style="289" customWidth="1"/>
    <col min="6669" max="6669" width="8" style="289" customWidth="1"/>
    <col min="6670" max="6901" width="9.140625" style="289"/>
    <col min="6902" max="6902" width="32" style="289" customWidth="1"/>
    <col min="6903" max="6903" width="9.140625" style="289"/>
    <col min="6904" max="6904" width="9.140625" style="289" customWidth="1"/>
    <col min="6905" max="6905" width="9.140625" style="289"/>
    <col min="6906" max="6906" width="9.140625" style="289" customWidth="1"/>
    <col min="6907" max="6907" width="7" style="289" customWidth="1"/>
    <col min="6908" max="6908" width="9.140625" style="289" customWidth="1"/>
    <col min="6909" max="6909" width="7.42578125" style="289" customWidth="1"/>
    <col min="6910" max="6910" width="9.140625" style="289" customWidth="1"/>
    <col min="6911" max="6911" width="7.42578125" style="289" customWidth="1"/>
    <col min="6912" max="6913" width="9.140625" style="289" customWidth="1"/>
    <col min="6914" max="6914" width="7.42578125" style="289" customWidth="1"/>
    <col min="6915" max="6915" width="9.140625" style="289" customWidth="1"/>
    <col min="6916" max="6916" width="7.85546875" style="289" customWidth="1"/>
    <col min="6917" max="6918" width="9.140625" style="289" customWidth="1"/>
    <col min="6919" max="6919" width="7.7109375" style="289" customWidth="1"/>
    <col min="6920" max="6920" width="9.140625" style="289" customWidth="1"/>
    <col min="6921" max="6921" width="7.5703125" style="289" customWidth="1"/>
    <col min="6922" max="6922" width="9.140625" style="289" customWidth="1"/>
    <col min="6923" max="6924" width="7.7109375" style="289" customWidth="1"/>
    <col min="6925" max="6925" width="8" style="289" customWidth="1"/>
    <col min="6926" max="7157" width="9.140625" style="289"/>
    <col min="7158" max="7158" width="32" style="289" customWidth="1"/>
    <col min="7159" max="7159" width="9.140625" style="289"/>
    <col min="7160" max="7160" width="9.140625" style="289" customWidth="1"/>
    <col min="7161" max="7161" width="9.140625" style="289"/>
    <col min="7162" max="7162" width="9.140625" style="289" customWidth="1"/>
    <col min="7163" max="7163" width="7" style="289" customWidth="1"/>
    <col min="7164" max="7164" width="9.140625" style="289" customWidth="1"/>
    <col min="7165" max="7165" width="7.42578125" style="289" customWidth="1"/>
    <col min="7166" max="7166" width="9.140625" style="289" customWidth="1"/>
    <col min="7167" max="7167" width="7.42578125" style="289" customWidth="1"/>
    <col min="7168" max="7169" width="9.140625" style="289" customWidth="1"/>
    <col min="7170" max="7170" width="7.42578125" style="289" customWidth="1"/>
    <col min="7171" max="7171" width="9.140625" style="289" customWidth="1"/>
    <col min="7172" max="7172" width="7.85546875" style="289" customWidth="1"/>
    <col min="7173" max="7174" width="9.140625" style="289" customWidth="1"/>
    <col min="7175" max="7175" width="7.7109375" style="289" customWidth="1"/>
    <col min="7176" max="7176" width="9.140625" style="289" customWidth="1"/>
    <col min="7177" max="7177" width="7.5703125" style="289" customWidth="1"/>
    <col min="7178" max="7178" width="9.140625" style="289" customWidth="1"/>
    <col min="7179" max="7180" width="7.7109375" style="289" customWidth="1"/>
    <col min="7181" max="7181" width="8" style="289" customWidth="1"/>
    <col min="7182" max="7413" width="9.140625" style="289"/>
    <col min="7414" max="7414" width="32" style="289" customWidth="1"/>
    <col min="7415" max="7415" width="9.140625" style="289"/>
    <col min="7416" max="7416" width="9.140625" style="289" customWidth="1"/>
    <col min="7417" max="7417" width="9.140625" style="289"/>
    <col min="7418" max="7418" width="9.140625" style="289" customWidth="1"/>
    <col min="7419" max="7419" width="7" style="289" customWidth="1"/>
    <col min="7420" max="7420" width="9.140625" style="289" customWidth="1"/>
    <col min="7421" max="7421" width="7.42578125" style="289" customWidth="1"/>
    <col min="7422" max="7422" width="9.140625" style="289" customWidth="1"/>
    <col min="7423" max="7423" width="7.42578125" style="289" customWidth="1"/>
    <col min="7424" max="7425" width="9.140625" style="289" customWidth="1"/>
    <col min="7426" max="7426" width="7.42578125" style="289" customWidth="1"/>
    <col min="7427" max="7427" width="9.140625" style="289" customWidth="1"/>
    <col min="7428" max="7428" width="7.85546875" style="289" customWidth="1"/>
    <col min="7429" max="7430" width="9.140625" style="289" customWidth="1"/>
    <col min="7431" max="7431" width="7.7109375" style="289" customWidth="1"/>
    <col min="7432" max="7432" width="9.140625" style="289" customWidth="1"/>
    <col min="7433" max="7433" width="7.5703125" style="289" customWidth="1"/>
    <col min="7434" max="7434" width="9.140625" style="289" customWidth="1"/>
    <col min="7435" max="7436" width="7.7109375" style="289" customWidth="1"/>
    <col min="7437" max="7437" width="8" style="289" customWidth="1"/>
    <col min="7438" max="7669" width="9.140625" style="289"/>
    <col min="7670" max="7670" width="32" style="289" customWidth="1"/>
    <col min="7671" max="7671" width="9.140625" style="289"/>
    <col min="7672" max="7672" width="9.140625" style="289" customWidth="1"/>
    <col min="7673" max="7673" width="9.140625" style="289"/>
    <col min="7674" max="7674" width="9.140625" style="289" customWidth="1"/>
    <col min="7675" max="7675" width="7" style="289" customWidth="1"/>
    <col min="7676" max="7676" width="9.140625" style="289" customWidth="1"/>
    <col min="7677" max="7677" width="7.42578125" style="289" customWidth="1"/>
    <col min="7678" max="7678" width="9.140625" style="289" customWidth="1"/>
    <col min="7679" max="7679" width="7.42578125" style="289" customWidth="1"/>
    <col min="7680" max="7681" width="9.140625" style="289" customWidth="1"/>
    <col min="7682" max="7682" width="7.42578125" style="289" customWidth="1"/>
    <col min="7683" max="7683" width="9.140625" style="289" customWidth="1"/>
    <col min="7684" max="7684" width="7.85546875" style="289" customWidth="1"/>
    <col min="7685" max="7686" width="9.140625" style="289" customWidth="1"/>
    <col min="7687" max="7687" width="7.7109375" style="289" customWidth="1"/>
    <col min="7688" max="7688" width="9.140625" style="289" customWidth="1"/>
    <col min="7689" max="7689" width="7.5703125" style="289" customWidth="1"/>
    <col min="7690" max="7690" width="9.140625" style="289" customWidth="1"/>
    <col min="7691" max="7692" width="7.7109375" style="289" customWidth="1"/>
    <col min="7693" max="7693" width="8" style="289" customWidth="1"/>
    <col min="7694" max="7925" width="9.140625" style="289"/>
    <col min="7926" max="7926" width="32" style="289" customWidth="1"/>
    <col min="7927" max="7927" width="9.140625" style="289"/>
    <col min="7928" max="7928" width="9.140625" style="289" customWidth="1"/>
    <col min="7929" max="7929" width="9.140625" style="289"/>
    <col min="7930" max="7930" width="9.140625" style="289" customWidth="1"/>
    <col min="7931" max="7931" width="7" style="289" customWidth="1"/>
    <col min="7932" max="7932" width="9.140625" style="289" customWidth="1"/>
    <col min="7933" max="7933" width="7.42578125" style="289" customWidth="1"/>
    <col min="7934" max="7934" width="9.140625" style="289" customWidth="1"/>
    <col min="7935" max="7935" width="7.42578125" style="289" customWidth="1"/>
    <col min="7936" max="7937" width="9.140625" style="289" customWidth="1"/>
    <col min="7938" max="7938" width="7.42578125" style="289" customWidth="1"/>
    <col min="7939" max="7939" width="9.140625" style="289" customWidth="1"/>
    <col min="7940" max="7940" width="7.85546875" style="289" customWidth="1"/>
    <col min="7941" max="7942" width="9.140625" style="289" customWidth="1"/>
    <col min="7943" max="7943" width="7.7109375" style="289" customWidth="1"/>
    <col min="7944" max="7944" width="9.140625" style="289" customWidth="1"/>
    <col min="7945" max="7945" width="7.5703125" style="289" customWidth="1"/>
    <col min="7946" max="7946" width="9.140625" style="289" customWidth="1"/>
    <col min="7947" max="7948" width="7.7109375" style="289" customWidth="1"/>
    <col min="7949" max="7949" width="8" style="289" customWidth="1"/>
    <col min="7950" max="8181" width="9.140625" style="289"/>
    <col min="8182" max="8182" width="32" style="289" customWidth="1"/>
    <col min="8183" max="8183" width="9.140625" style="289"/>
    <col min="8184" max="8184" width="9.140625" style="289" customWidth="1"/>
    <col min="8185" max="8185" width="9.140625" style="289"/>
    <col min="8186" max="8186" width="9.140625" style="289" customWidth="1"/>
    <col min="8187" max="8187" width="7" style="289" customWidth="1"/>
    <col min="8188" max="8188" width="9.140625" style="289" customWidth="1"/>
    <col min="8189" max="8189" width="7.42578125" style="289" customWidth="1"/>
    <col min="8190" max="8190" width="9.140625" style="289" customWidth="1"/>
    <col min="8191" max="8191" width="7.42578125" style="289" customWidth="1"/>
    <col min="8192" max="8193" width="9.140625" style="289" customWidth="1"/>
    <col min="8194" max="8194" width="7.42578125" style="289" customWidth="1"/>
    <col min="8195" max="8195" width="9.140625" style="289" customWidth="1"/>
    <col min="8196" max="8196" width="7.85546875" style="289" customWidth="1"/>
    <col min="8197" max="8198" width="9.140625" style="289" customWidth="1"/>
    <col min="8199" max="8199" width="7.7109375" style="289" customWidth="1"/>
    <col min="8200" max="8200" width="9.140625" style="289" customWidth="1"/>
    <col min="8201" max="8201" width="7.5703125" style="289" customWidth="1"/>
    <col min="8202" max="8202" width="9.140625" style="289" customWidth="1"/>
    <col min="8203" max="8204" width="7.7109375" style="289" customWidth="1"/>
    <col min="8205" max="8205" width="8" style="289" customWidth="1"/>
    <col min="8206" max="8437" width="9.140625" style="289"/>
    <col min="8438" max="8438" width="32" style="289" customWidth="1"/>
    <col min="8439" max="8439" width="9.140625" style="289"/>
    <col min="8440" max="8440" width="9.140625" style="289" customWidth="1"/>
    <col min="8441" max="8441" width="9.140625" style="289"/>
    <col min="8442" max="8442" width="9.140625" style="289" customWidth="1"/>
    <col min="8443" max="8443" width="7" style="289" customWidth="1"/>
    <col min="8444" max="8444" width="9.140625" style="289" customWidth="1"/>
    <col min="8445" max="8445" width="7.42578125" style="289" customWidth="1"/>
    <col min="8446" max="8446" width="9.140625" style="289" customWidth="1"/>
    <col min="8447" max="8447" width="7.42578125" style="289" customWidth="1"/>
    <col min="8448" max="8449" width="9.140625" style="289" customWidth="1"/>
    <col min="8450" max="8450" width="7.42578125" style="289" customWidth="1"/>
    <col min="8451" max="8451" width="9.140625" style="289" customWidth="1"/>
    <col min="8452" max="8452" width="7.85546875" style="289" customWidth="1"/>
    <col min="8453" max="8454" width="9.140625" style="289" customWidth="1"/>
    <col min="8455" max="8455" width="7.7109375" style="289" customWidth="1"/>
    <col min="8456" max="8456" width="9.140625" style="289" customWidth="1"/>
    <col min="8457" max="8457" width="7.5703125" style="289" customWidth="1"/>
    <col min="8458" max="8458" width="9.140625" style="289" customWidth="1"/>
    <col min="8459" max="8460" width="7.7109375" style="289" customWidth="1"/>
    <col min="8461" max="8461" width="8" style="289" customWidth="1"/>
    <col min="8462" max="8693" width="9.140625" style="289"/>
    <col min="8694" max="8694" width="32" style="289" customWidth="1"/>
    <col min="8695" max="8695" width="9.140625" style="289"/>
    <col min="8696" max="8696" width="9.140625" style="289" customWidth="1"/>
    <col min="8697" max="8697" width="9.140625" style="289"/>
    <col min="8698" max="8698" width="9.140625" style="289" customWidth="1"/>
    <col min="8699" max="8699" width="7" style="289" customWidth="1"/>
    <col min="8700" max="8700" width="9.140625" style="289" customWidth="1"/>
    <col min="8701" max="8701" width="7.42578125" style="289" customWidth="1"/>
    <col min="8702" max="8702" width="9.140625" style="289" customWidth="1"/>
    <col min="8703" max="8703" width="7.42578125" style="289" customWidth="1"/>
    <col min="8704" max="8705" width="9.140625" style="289" customWidth="1"/>
    <col min="8706" max="8706" width="7.42578125" style="289" customWidth="1"/>
    <col min="8707" max="8707" width="9.140625" style="289" customWidth="1"/>
    <col min="8708" max="8708" width="7.85546875" style="289" customWidth="1"/>
    <col min="8709" max="8710" width="9.140625" style="289" customWidth="1"/>
    <col min="8711" max="8711" width="7.7109375" style="289" customWidth="1"/>
    <col min="8712" max="8712" width="9.140625" style="289" customWidth="1"/>
    <col min="8713" max="8713" width="7.5703125" style="289" customWidth="1"/>
    <col min="8714" max="8714" width="9.140625" style="289" customWidth="1"/>
    <col min="8715" max="8716" width="7.7109375" style="289" customWidth="1"/>
    <col min="8717" max="8717" width="8" style="289" customWidth="1"/>
    <col min="8718" max="8949" width="9.140625" style="289"/>
    <col min="8950" max="8950" width="32" style="289" customWidth="1"/>
    <col min="8951" max="8951" width="9.140625" style="289"/>
    <col min="8952" max="8952" width="9.140625" style="289" customWidth="1"/>
    <col min="8953" max="8953" width="9.140625" style="289"/>
    <col min="8954" max="8954" width="9.140625" style="289" customWidth="1"/>
    <col min="8955" max="8955" width="7" style="289" customWidth="1"/>
    <col min="8956" max="8956" width="9.140625" style="289" customWidth="1"/>
    <col min="8957" max="8957" width="7.42578125" style="289" customWidth="1"/>
    <col min="8958" max="8958" width="9.140625" style="289" customWidth="1"/>
    <col min="8959" max="8959" width="7.42578125" style="289" customWidth="1"/>
    <col min="8960" max="8961" width="9.140625" style="289" customWidth="1"/>
    <col min="8962" max="8962" width="7.42578125" style="289" customWidth="1"/>
    <col min="8963" max="8963" width="9.140625" style="289" customWidth="1"/>
    <col min="8964" max="8964" width="7.85546875" style="289" customWidth="1"/>
    <col min="8965" max="8966" width="9.140625" style="289" customWidth="1"/>
    <col min="8967" max="8967" width="7.7109375" style="289" customWidth="1"/>
    <col min="8968" max="8968" width="9.140625" style="289" customWidth="1"/>
    <col min="8969" max="8969" width="7.5703125" style="289" customWidth="1"/>
    <col min="8970" max="8970" width="9.140625" style="289" customWidth="1"/>
    <col min="8971" max="8972" width="7.7109375" style="289" customWidth="1"/>
    <col min="8973" max="8973" width="8" style="289" customWidth="1"/>
    <col min="8974" max="9205" width="9.140625" style="289"/>
    <col min="9206" max="9206" width="32" style="289" customWidth="1"/>
    <col min="9207" max="9207" width="9.140625" style="289"/>
    <col min="9208" max="9208" width="9.140625" style="289" customWidth="1"/>
    <col min="9209" max="9209" width="9.140625" style="289"/>
    <col min="9210" max="9210" width="9.140625" style="289" customWidth="1"/>
    <col min="9211" max="9211" width="7" style="289" customWidth="1"/>
    <col min="9212" max="9212" width="9.140625" style="289" customWidth="1"/>
    <col min="9213" max="9213" width="7.42578125" style="289" customWidth="1"/>
    <col min="9214" max="9214" width="9.140625" style="289" customWidth="1"/>
    <col min="9215" max="9215" width="7.42578125" style="289" customWidth="1"/>
    <col min="9216" max="9217" width="9.140625" style="289" customWidth="1"/>
    <col min="9218" max="9218" width="7.42578125" style="289" customWidth="1"/>
    <col min="9219" max="9219" width="9.140625" style="289" customWidth="1"/>
    <col min="9220" max="9220" width="7.85546875" style="289" customWidth="1"/>
    <col min="9221" max="9222" width="9.140625" style="289" customWidth="1"/>
    <col min="9223" max="9223" width="7.7109375" style="289" customWidth="1"/>
    <col min="9224" max="9224" width="9.140625" style="289" customWidth="1"/>
    <col min="9225" max="9225" width="7.5703125" style="289" customWidth="1"/>
    <col min="9226" max="9226" width="9.140625" style="289" customWidth="1"/>
    <col min="9227" max="9228" width="7.7109375" style="289" customWidth="1"/>
    <col min="9229" max="9229" width="8" style="289" customWidth="1"/>
    <col min="9230" max="9461" width="9.140625" style="289"/>
    <col min="9462" max="9462" width="32" style="289" customWidth="1"/>
    <col min="9463" max="9463" width="9.140625" style="289"/>
    <col min="9464" max="9464" width="9.140625" style="289" customWidth="1"/>
    <col min="9465" max="9465" width="9.140625" style="289"/>
    <col min="9466" max="9466" width="9.140625" style="289" customWidth="1"/>
    <col min="9467" max="9467" width="7" style="289" customWidth="1"/>
    <col min="9468" max="9468" width="9.140625" style="289" customWidth="1"/>
    <col min="9469" max="9469" width="7.42578125" style="289" customWidth="1"/>
    <col min="9470" max="9470" width="9.140625" style="289" customWidth="1"/>
    <col min="9471" max="9471" width="7.42578125" style="289" customWidth="1"/>
    <col min="9472" max="9473" width="9.140625" style="289" customWidth="1"/>
    <col min="9474" max="9474" width="7.42578125" style="289" customWidth="1"/>
    <col min="9475" max="9475" width="9.140625" style="289" customWidth="1"/>
    <col min="9476" max="9476" width="7.85546875" style="289" customWidth="1"/>
    <col min="9477" max="9478" width="9.140625" style="289" customWidth="1"/>
    <col min="9479" max="9479" width="7.7109375" style="289" customWidth="1"/>
    <col min="9480" max="9480" width="9.140625" style="289" customWidth="1"/>
    <col min="9481" max="9481" width="7.5703125" style="289" customWidth="1"/>
    <col min="9482" max="9482" width="9.140625" style="289" customWidth="1"/>
    <col min="9483" max="9484" width="7.7109375" style="289" customWidth="1"/>
    <col min="9485" max="9485" width="8" style="289" customWidth="1"/>
    <col min="9486" max="9717" width="9.140625" style="289"/>
    <col min="9718" max="9718" width="32" style="289" customWidth="1"/>
    <col min="9719" max="9719" width="9.140625" style="289"/>
    <col min="9720" max="9720" width="9.140625" style="289" customWidth="1"/>
    <col min="9721" max="9721" width="9.140625" style="289"/>
    <col min="9722" max="9722" width="9.140625" style="289" customWidth="1"/>
    <col min="9723" max="9723" width="7" style="289" customWidth="1"/>
    <col min="9724" max="9724" width="9.140625" style="289" customWidth="1"/>
    <col min="9725" max="9725" width="7.42578125" style="289" customWidth="1"/>
    <col min="9726" max="9726" width="9.140625" style="289" customWidth="1"/>
    <col min="9727" max="9727" width="7.42578125" style="289" customWidth="1"/>
    <col min="9728" max="9729" width="9.140625" style="289" customWidth="1"/>
    <col min="9730" max="9730" width="7.42578125" style="289" customWidth="1"/>
    <col min="9731" max="9731" width="9.140625" style="289" customWidth="1"/>
    <col min="9732" max="9732" width="7.85546875" style="289" customWidth="1"/>
    <col min="9733" max="9734" width="9.140625" style="289" customWidth="1"/>
    <col min="9735" max="9735" width="7.7109375" style="289" customWidth="1"/>
    <col min="9736" max="9736" width="9.140625" style="289" customWidth="1"/>
    <col min="9737" max="9737" width="7.5703125" style="289" customWidth="1"/>
    <col min="9738" max="9738" width="9.140625" style="289" customWidth="1"/>
    <col min="9739" max="9740" width="7.7109375" style="289" customWidth="1"/>
    <col min="9741" max="9741" width="8" style="289" customWidth="1"/>
    <col min="9742" max="9973" width="9.140625" style="289"/>
    <col min="9974" max="9974" width="32" style="289" customWidth="1"/>
    <col min="9975" max="9975" width="9.140625" style="289"/>
    <col min="9976" max="9976" width="9.140625" style="289" customWidth="1"/>
    <col min="9977" max="9977" width="9.140625" style="289"/>
    <col min="9978" max="9978" width="9.140625" style="289" customWidth="1"/>
    <col min="9979" max="9979" width="7" style="289" customWidth="1"/>
    <col min="9980" max="9980" width="9.140625" style="289" customWidth="1"/>
    <col min="9981" max="9981" width="7.42578125" style="289" customWidth="1"/>
    <col min="9982" max="9982" width="9.140625" style="289" customWidth="1"/>
    <col min="9983" max="9983" width="7.42578125" style="289" customWidth="1"/>
    <col min="9984" max="9985" width="9.140625" style="289" customWidth="1"/>
    <col min="9986" max="9986" width="7.42578125" style="289" customWidth="1"/>
    <col min="9987" max="9987" width="9.140625" style="289" customWidth="1"/>
    <col min="9988" max="9988" width="7.85546875" style="289" customWidth="1"/>
    <col min="9989" max="9990" width="9.140625" style="289" customWidth="1"/>
    <col min="9991" max="9991" width="7.7109375" style="289" customWidth="1"/>
    <col min="9992" max="9992" width="9.140625" style="289" customWidth="1"/>
    <col min="9993" max="9993" width="7.5703125" style="289" customWidth="1"/>
    <col min="9994" max="9994" width="9.140625" style="289" customWidth="1"/>
    <col min="9995" max="9996" width="7.7109375" style="289" customWidth="1"/>
    <col min="9997" max="9997" width="8" style="289" customWidth="1"/>
    <col min="9998" max="10229" width="9.140625" style="289"/>
    <col min="10230" max="10230" width="32" style="289" customWidth="1"/>
    <col min="10231" max="10231" width="9.140625" style="289"/>
    <col min="10232" max="10232" width="9.140625" style="289" customWidth="1"/>
    <col min="10233" max="10233" width="9.140625" style="289"/>
    <col min="10234" max="10234" width="9.140625" style="289" customWidth="1"/>
    <col min="10235" max="10235" width="7" style="289" customWidth="1"/>
    <col min="10236" max="10236" width="9.140625" style="289" customWidth="1"/>
    <col min="10237" max="10237" width="7.42578125" style="289" customWidth="1"/>
    <col min="10238" max="10238" width="9.140625" style="289" customWidth="1"/>
    <col min="10239" max="10239" width="7.42578125" style="289" customWidth="1"/>
    <col min="10240" max="10241" width="9.140625" style="289" customWidth="1"/>
    <col min="10242" max="10242" width="7.42578125" style="289" customWidth="1"/>
    <col min="10243" max="10243" width="9.140625" style="289" customWidth="1"/>
    <col min="10244" max="10244" width="7.85546875" style="289" customWidth="1"/>
    <col min="10245" max="10246" width="9.140625" style="289" customWidth="1"/>
    <col min="10247" max="10247" width="7.7109375" style="289" customWidth="1"/>
    <col min="10248" max="10248" width="9.140625" style="289" customWidth="1"/>
    <col min="10249" max="10249" width="7.5703125" style="289" customWidth="1"/>
    <col min="10250" max="10250" width="9.140625" style="289" customWidth="1"/>
    <col min="10251" max="10252" width="7.7109375" style="289" customWidth="1"/>
    <col min="10253" max="10253" width="8" style="289" customWidth="1"/>
    <col min="10254" max="10485" width="9.140625" style="289"/>
    <col min="10486" max="10486" width="32" style="289" customWidth="1"/>
    <col min="10487" max="10487" width="9.140625" style="289"/>
    <col min="10488" max="10488" width="9.140625" style="289" customWidth="1"/>
    <col min="10489" max="10489" width="9.140625" style="289"/>
    <col min="10490" max="10490" width="9.140625" style="289" customWidth="1"/>
    <col min="10491" max="10491" width="7" style="289" customWidth="1"/>
    <col min="10492" max="10492" width="9.140625" style="289" customWidth="1"/>
    <col min="10493" max="10493" width="7.42578125" style="289" customWidth="1"/>
    <col min="10494" max="10494" width="9.140625" style="289" customWidth="1"/>
    <col min="10495" max="10495" width="7.42578125" style="289" customWidth="1"/>
    <col min="10496" max="10497" width="9.140625" style="289" customWidth="1"/>
    <col min="10498" max="10498" width="7.42578125" style="289" customWidth="1"/>
    <col min="10499" max="10499" width="9.140625" style="289" customWidth="1"/>
    <col min="10500" max="10500" width="7.85546875" style="289" customWidth="1"/>
    <col min="10501" max="10502" width="9.140625" style="289" customWidth="1"/>
    <col min="10503" max="10503" width="7.7109375" style="289" customWidth="1"/>
    <col min="10504" max="10504" width="9.140625" style="289" customWidth="1"/>
    <col min="10505" max="10505" width="7.5703125" style="289" customWidth="1"/>
    <col min="10506" max="10506" width="9.140625" style="289" customWidth="1"/>
    <col min="10507" max="10508" width="7.7109375" style="289" customWidth="1"/>
    <col min="10509" max="10509" width="8" style="289" customWidth="1"/>
    <col min="10510" max="10741" width="9.140625" style="289"/>
    <col min="10742" max="10742" width="32" style="289" customWidth="1"/>
    <col min="10743" max="10743" width="9.140625" style="289"/>
    <col min="10744" max="10744" width="9.140625" style="289" customWidth="1"/>
    <col min="10745" max="10745" width="9.140625" style="289"/>
    <col min="10746" max="10746" width="9.140625" style="289" customWidth="1"/>
    <col min="10747" max="10747" width="7" style="289" customWidth="1"/>
    <col min="10748" max="10748" width="9.140625" style="289" customWidth="1"/>
    <col min="10749" max="10749" width="7.42578125" style="289" customWidth="1"/>
    <col min="10750" max="10750" width="9.140625" style="289" customWidth="1"/>
    <col min="10751" max="10751" width="7.42578125" style="289" customWidth="1"/>
    <col min="10752" max="10753" width="9.140625" style="289" customWidth="1"/>
    <col min="10754" max="10754" width="7.42578125" style="289" customWidth="1"/>
    <col min="10755" max="10755" width="9.140625" style="289" customWidth="1"/>
    <col min="10756" max="10756" width="7.85546875" style="289" customWidth="1"/>
    <col min="10757" max="10758" width="9.140625" style="289" customWidth="1"/>
    <col min="10759" max="10759" width="7.7109375" style="289" customWidth="1"/>
    <col min="10760" max="10760" width="9.140625" style="289" customWidth="1"/>
    <col min="10761" max="10761" width="7.5703125" style="289" customWidth="1"/>
    <col min="10762" max="10762" width="9.140625" style="289" customWidth="1"/>
    <col min="10763" max="10764" width="7.7109375" style="289" customWidth="1"/>
    <col min="10765" max="10765" width="8" style="289" customWidth="1"/>
    <col min="10766" max="10997" width="9.140625" style="289"/>
    <col min="10998" max="10998" width="32" style="289" customWidth="1"/>
    <col min="10999" max="10999" width="9.140625" style="289"/>
    <col min="11000" max="11000" width="9.140625" style="289" customWidth="1"/>
    <col min="11001" max="11001" width="9.140625" style="289"/>
    <col min="11002" max="11002" width="9.140625" style="289" customWidth="1"/>
    <col min="11003" max="11003" width="7" style="289" customWidth="1"/>
    <col min="11004" max="11004" width="9.140625" style="289" customWidth="1"/>
    <col min="11005" max="11005" width="7.42578125" style="289" customWidth="1"/>
    <col min="11006" max="11006" width="9.140625" style="289" customWidth="1"/>
    <col min="11007" max="11007" width="7.42578125" style="289" customWidth="1"/>
    <col min="11008" max="11009" width="9.140625" style="289" customWidth="1"/>
    <col min="11010" max="11010" width="7.42578125" style="289" customWidth="1"/>
    <col min="11011" max="11011" width="9.140625" style="289" customWidth="1"/>
    <col min="11012" max="11012" width="7.85546875" style="289" customWidth="1"/>
    <col min="11013" max="11014" width="9.140625" style="289" customWidth="1"/>
    <col min="11015" max="11015" width="7.7109375" style="289" customWidth="1"/>
    <col min="11016" max="11016" width="9.140625" style="289" customWidth="1"/>
    <col min="11017" max="11017" width="7.5703125" style="289" customWidth="1"/>
    <col min="11018" max="11018" width="9.140625" style="289" customWidth="1"/>
    <col min="11019" max="11020" width="7.7109375" style="289" customWidth="1"/>
    <col min="11021" max="11021" width="8" style="289" customWidth="1"/>
    <col min="11022" max="11253" width="9.140625" style="289"/>
    <col min="11254" max="11254" width="32" style="289" customWidth="1"/>
    <col min="11255" max="11255" width="9.140625" style="289"/>
    <col min="11256" max="11256" width="9.140625" style="289" customWidth="1"/>
    <col min="11257" max="11257" width="9.140625" style="289"/>
    <col min="11258" max="11258" width="9.140625" style="289" customWidth="1"/>
    <col min="11259" max="11259" width="7" style="289" customWidth="1"/>
    <col min="11260" max="11260" width="9.140625" style="289" customWidth="1"/>
    <col min="11261" max="11261" width="7.42578125" style="289" customWidth="1"/>
    <col min="11262" max="11262" width="9.140625" style="289" customWidth="1"/>
    <col min="11263" max="11263" width="7.42578125" style="289" customWidth="1"/>
    <col min="11264" max="11265" width="9.140625" style="289" customWidth="1"/>
    <col min="11266" max="11266" width="7.42578125" style="289" customWidth="1"/>
    <col min="11267" max="11267" width="9.140625" style="289" customWidth="1"/>
    <col min="11268" max="11268" width="7.85546875" style="289" customWidth="1"/>
    <col min="11269" max="11270" width="9.140625" style="289" customWidth="1"/>
    <col min="11271" max="11271" width="7.7109375" style="289" customWidth="1"/>
    <col min="11272" max="11272" width="9.140625" style="289" customWidth="1"/>
    <col min="11273" max="11273" width="7.5703125" style="289" customWidth="1"/>
    <col min="11274" max="11274" width="9.140625" style="289" customWidth="1"/>
    <col min="11275" max="11276" width="7.7109375" style="289" customWidth="1"/>
    <col min="11277" max="11277" width="8" style="289" customWidth="1"/>
    <col min="11278" max="11509" width="9.140625" style="289"/>
    <col min="11510" max="11510" width="32" style="289" customWidth="1"/>
    <col min="11511" max="11511" width="9.140625" style="289"/>
    <col min="11512" max="11512" width="9.140625" style="289" customWidth="1"/>
    <col min="11513" max="11513" width="9.140625" style="289"/>
    <col min="11514" max="11514" width="9.140625" style="289" customWidth="1"/>
    <col min="11515" max="11515" width="7" style="289" customWidth="1"/>
    <col min="11516" max="11516" width="9.140625" style="289" customWidth="1"/>
    <col min="11517" max="11517" width="7.42578125" style="289" customWidth="1"/>
    <col min="11518" max="11518" width="9.140625" style="289" customWidth="1"/>
    <col min="11519" max="11519" width="7.42578125" style="289" customWidth="1"/>
    <col min="11520" max="11521" width="9.140625" style="289" customWidth="1"/>
    <col min="11522" max="11522" width="7.42578125" style="289" customWidth="1"/>
    <col min="11523" max="11523" width="9.140625" style="289" customWidth="1"/>
    <col min="11524" max="11524" width="7.85546875" style="289" customWidth="1"/>
    <col min="11525" max="11526" width="9.140625" style="289" customWidth="1"/>
    <col min="11527" max="11527" width="7.7109375" style="289" customWidth="1"/>
    <col min="11528" max="11528" width="9.140625" style="289" customWidth="1"/>
    <col min="11529" max="11529" width="7.5703125" style="289" customWidth="1"/>
    <col min="11530" max="11530" width="9.140625" style="289" customWidth="1"/>
    <col min="11531" max="11532" width="7.7109375" style="289" customWidth="1"/>
    <col min="11533" max="11533" width="8" style="289" customWidth="1"/>
    <col min="11534" max="11765" width="9.140625" style="289"/>
    <col min="11766" max="11766" width="32" style="289" customWidth="1"/>
    <col min="11767" max="11767" width="9.140625" style="289"/>
    <col min="11768" max="11768" width="9.140625" style="289" customWidth="1"/>
    <col min="11769" max="11769" width="9.140625" style="289"/>
    <col min="11770" max="11770" width="9.140625" style="289" customWidth="1"/>
    <col min="11771" max="11771" width="7" style="289" customWidth="1"/>
    <col min="11772" max="11772" width="9.140625" style="289" customWidth="1"/>
    <col min="11773" max="11773" width="7.42578125" style="289" customWidth="1"/>
    <col min="11774" max="11774" width="9.140625" style="289" customWidth="1"/>
    <col min="11775" max="11775" width="7.42578125" style="289" customWidth="1"/>
    <col min="11776" max="11777" width="9.140625" style="289" customWidth="1"/>
    <col min="11778" max="11778" width="7.42578125" style="289" customWidth="1"/>
    <col min="11779" max="11779" width="9.140625" style="289" customWidth="1"/>
    <col min="11780" max="11780" width="7.85546875" style="289" customWidth="1"/>
    <col min="11781" max="11782" width="9.140625" style="289" customWidth="1"/>
    <col min="11783" max="11783" width="7.7109375" style="289" customWidth="1"/>
    <col min="11784" max="11784" width="9.140625" style="289" customWidth="1"/>
    <col min="11785" max="11785" width="7.5703125" style="289" customWidth="1"/>
    <col min="11786" max="11786" width="9.140625" style="289" customWidth="1"/>
    <col min="11787" max="11788" width="7.7109375" style="289" customWidth="1"/>
    <col min="11789" max="11789" width="8" style="289" customWidth="1"/>
    <col min="11790" max="12021" width="9.140625" style="289"/>
    <col min="12022" max="12022" width="32" style="289" customWidth="1"/>
    <col min="12023" max="12023" width="9.140625" style="289"/>
    <col min="12024" max="12024" width="9.140625" style="289" customWidth="1"/>
    <col min="12025" max="12025" width="9.140625" style="289"/>
    <col min="12026" max="12026" width="9.140625" style="289" customWidth="1"/>
    <col min="12027" max="12027" width="7" style="289" customWidth="1"/>
    <col min="12028" max="12028" width="9.140625" style="289" customWidth="1"/>
    <col min="12029" max="12029" width="7.42578125" style="289" customWidth="1"/>
    <col min="12030" max="12030" width="9.140625" style="289" customWidth="1"/>
    <col min="12031" max="12031" width="7.42578125" style="289" customWidth="1"/>
    <col min="12032" max="12033" width="9.140625" style="289" customWidth="1"/>
    <col min="12034" max="12034" width="7.42578125" style="289" customWidth="1"/>
    <col min="12035" max="12035" width="9.140625" style="289" customWidth="1"/>
    <col min="12036" max="12036" width="7.85546875" style="289" customWidth="1"/>
    <col min="12037" max="12038" width="9.140625" style="289" customWidth="1"/>
    <col min="12039" max="12039" width="7.7109375" style="289" customWidth="1"/>
    <col min="12040" max="12040" width="9.140625" style="289" customWidth="1"/>
    <col min="12041" max="12041" width="7.5703125" style="289" customWidth="1"/>
    <col min="12042" max="12042" width="9.140625" style="289" customWidth="1"/>
    <col min="12043" max="12044" width="7.7109375" style="289" customWidth="1"/>
    <col min="12045" max="12045" width="8" style="289" customWidth="1"/>
    <col min="12046" max="12277" width="9.140625" style="289"/>
    <col min="12278" max="12278" width="32" style="289" customWidth="1"/>
    <col min="12279" max="12279" width="9.140625" style="289"/>
    <col min="12280" max="12280" width="9.140625" style="289" customWidth="1"/>
    <col min="12281" max="12281" width="9.140625" style="289"/>
    <col min="12282" max="12282" width="9.140625" style="289" customWidth="1"/>
    <col min="12283" max="12283" width="7" style="289" customWidth="1"/>
    <col min="12284" max="12284" width="9.140625" style="289" customWidth="1"/>
    <col min="12285" max="12285" width="7.42578125" style="289" customWidth="1"/>
    <col min="12286" max="12286" width="9.140625" style="289" customWidth="1"/>
    <col min="12287" max="12287" width="7.42578125" style="289" customWidth="1"/>
    <col min="12288" max="12289" width="9.140625" style="289" customWidth="1"/>
    <col min="12290" max="12290" width="7.42578125" style="289" customWidth="1"/>
    <col min="12291" max="12291" width="9.140625" style="289" customWidth="1"/>
    <col min="12292" max="12292" width="7.85546875" style="289" customWidth="1"/>
    <col min="12293" max="12294" width="9.140625" style="289" customWidth="1"/>
    <col min="12295" max="12295" width="7.7109375" style="289" customWidth="1"/>
    <col min="12296" max="12296" width="9.140625" style="289" customWidth="1"/>
    <col min="12297" max="12297" width="7.5703125" style="289" customWidth="1"/>
    <col min="12298" max="12298" width="9.140625" style="289" customWidth="1"/>
    <col min="12299" max="12300" width="7.7109375" style="289" customWidth="1"/>
    <col min="12301" max="12301" width="8" style="289" customWidth="1"/>
    <col min="12302" max="12533" width="9.140625" style="289"/>
    <col min="12534" max="12534" width="32" style="289" customWidth="1"/>
    <col min="12535" max="12535" width="9.140625" style="289"/>
    <col min="12536" max="12536" width="9.140625" style="289" customWidth="1"/>
    <col min="12537" max="12537" width="9.140625" style="289"/>
    <col min="12538" max="12538" width="9.140625" style="289" customWidth="1"/>
    <col min="12539" max="12539" width="7" style="289" customWidth="1"/>
    <col min="12540" max="12540" width="9.140625" style="289" customWidth="1"/>
    <col min="12541" max="12541" width="7.42578125" style="289" customWidth="1"/>
    <col min="12542" max="12542" width="9.140625" style="289" customWidth="1"/>
    <col min="12543" max="12543" width="7.42578125" style="289" customWidth="1"/>
    <col min="12544" max="12545" width="9.140625" style="289" customWidth="1"/>
    <col min="12546" max="12546" width="7.42578125" style="289" customWidth="1"/>
    <col min="12547" max="12547" width="9.140625" style="289" customWidth="1"/>
    <col min="12548" max="12548" width="7.85546875" style="289" customWidth="1"/>
    <col min="12549" max="12550" width="9.140625" style="289" customWidth="1"/>
    <col min="12551" max="12551" width="7.7109375" style="289" customWidth="1"/>
    <col min="12552" max="12552" width="9.140625" style="289" customWidth="1"/>
    <col min="12553" max="12553" width="7.5703125" style="289" customWidth="1"/>
    <col min="12554" max="12554" width="9.140625" style="289" customWidth="1"/>
    <col min="12555" max="12556" width="7.7109375" style="289" customWidth="1"/>
    <col min="12557" max="12557" width="8" style="289" customWidth="1"/>
    <col min="12558" max="12789" width="9.140625" style="289"/>
    <col min="12790" max="12790" width="32" style="289" customWidth="1"/>
    <col min="12791" max="12791" width="9.140625" style="289"/>
    <col min="12792" max="12792" width="9.140625" style="289" customWidth="1"/>
    <col min="12793" max="12793" width="9.140625" style="289"/>
    <col min="12794" max="12794" width="9.140625" style="289" customWidth="1"/>
    <col min="12795" max="12795" width="7" style="289" customWidth="1"/>
    <col min="12796" max="12796" width="9.140625" style="289" customWidth="1"/>
    <col min="12797" max="12797" width="7.42578125" style="289" customWidth="1"/>
    <col min="12798" max="12798" width="9.140625" style="289" customWidth="1"/>
    <col min="12799" max="12799" width="7.42578125" style="289" customWidth="1"/>
    <col min="12800" max="12801" width="9.140625" style="289" customWidth="1"/>
    <col min="12802" max="12802" width="7.42578125" style="289" customWidth="1"/>
    <col min="12803" max="12803" width="9.140625" style="289" customWidth="1"/>
    <col min="12804" max="12804" width="7.85546875" style="289" customWidth="1"/>
    <col min="12805" max="12806" width="9.140625" style="289" customWidth="1"/>
    <col min="12807" max="12807" width="7.7109375" style="289" customWidth="1"/>
    <col min="12808" max="12808" width="9.140625" style="289" customWidth="1"/>
    <col min="12809" max="12809" width="7.5703125" style="289" customWidth="1"/>
    <col min="12810" max="12810" width="9.140625" style="289" customWidth="1"/>
    <col min="12811" max="12812" width="7.7109375" style="289" customWidth="1"/>
    <col min="12813" max="12813" width="8" style="289" customWidth="1"/>
    <col min="12814" max="13045" width="9.140625" style="289"/>
    <col min="13046" max="13046" width="32" style="289" customWidth="1"/>
    <col min="13047" max="13047" width="9.140625" style="289"/>
    <col min="13048" max="13048" width="9.140625" style="289" customWidth="1"/>
    <col min="13049" max="13049" width="9.140625" style="289"/>
    <col min="13050" max="13050" width="9.140625" style="289" customWidth="1"/>
    <col min="13051" max="13051" width="7" style="289" customWidth="1"/>
    <col min="13052" max="13052" width="9.140625" style="289" customWidth="1"/>
    <col min="13053" max="13053" width="7.42578125" style="289" customWidth="1"/>
    <col min="13054" max="13054" width="9.140625" style="289" customWidth="1"/>
    <col min="13055" max="13055" width="7.42578125" style="289" customWidth="1"/>
    <col min="13056" max="13057" width="9.140625" style="289" customWidth="1"/>
    <col min="13058" max="13058" width="7.42578125" style="289" customWidth="1"/>
    <col min="13059" max="13059" width="9.140625" style="289" customWidth="1"/>
    <col min="13060" max="13060" width="7.85546875" style="289" customWidth="1"/>
    <col min="13061" max="13062" width="9.140625" style="289" customWidth="1"/>
    <col min="13063" max="13063" width="7.7109375" style="289" customWidth="1"/>
    <col min="13064" max="13064" width="9.140625" style="289" customWidth="1"/>
    <col min="13065" max="13065" width="7.5703125" style="289" customWidth="1"/>
    <col min="13066" max="13066" width="9.140625" style="289" customWidth="1"/>
    <col min="13067" max="13068" width="7.7109375" style="289" customWidth="1"/>
    <col min="13069" max="13069" width="8" style="289" customWidth="1"/>
    <col min="13070" max="13301" width="9.140625" style="289"/>
    <col min="13302" max="13302" width="32" style="289" customWidth="1"/>
    <col min="13303" max="13303" width="9.140625" style="289"/>
    <col min="13304" max="13304" width="9.140625" style="289" customWidth="1"/>
    <col min="13305" max="13305" width="9.140625" style="289"/>
    <col min="13306" max="13306" width="9.140625" style="289" customWidth="1"/>
    <col min="13307" max="13307" width="7" style="289" customWidth="1"/>
    <col min="13308" max="13308" width="9.140625" style="289" customWidth="1"/>
    <col min="13309" max="13309" width="7.42578125" style="289" customWidth="1"/>
    <col min="13310" max="13310" width="9.140625" style="289" customWidth="1"/>
    <col min="13311" max="13311" width="7.42578125" style="289" customWidth="1"/>
    <col min="13312" max="13313" width="9.140625" style="289" customWidth="1"/>
    <col min="13314" max="13314" width="7.42578125" style="289" customWidth="1"/>
    <col min="13315" max="13315" width="9.140625" style="289" customWidth="1"/>
    <col min="13316" max="13316" width="7.85546875" style="289" customWidth="1"/>
    <col min="13317" max="13318" width="9.140625" style="289" customWidth="1"/>
    <col min="13319" max="13319" width="7.7109375" style="289" customWidth="1"/>
    <col min="13320" max="13320" width="9.140625" style="289" customWidth="1"/>
    <col min="13321" max="13321" width="7.5703125" style="289" customWidth="1"/>
    <col min="13322" max="13322" width="9.140625" style="289" customWidth="1"/>
    <col min="13323" max="13324" width="7.7109375" style="289" customWidth="1"/>
    <col min="13325" max="13325" width="8" style="289" customWidth="1"/>
    <col min="13326" max="13557" width="9.140625" style="289"/>
    <col min="13558" max="13558" width="32" style="289" customWidth="1"/>
    <col min="13559" max="13559" width="9.140625" style="289"/>
    <col min="13560" max="13560" width="9.140625" style="289" customWidth="1"/>
    <col min="13561" max="13561" width="9.140625" style="289"/>
    <col min="13562" max="13562" width="9.140625" style="289" customWidth="1"/>
    <col min="13563" max="13563" width="7" style="289" customWidth="1"/>
    <col min="13564" max="13564" width="9.140625" style="289" customWidth="1"/>
    <col min="13565" max="13565" width="7.42578125" style="289" customWidth="1"/>
    <col min="13566" max="13566" width="9.140625" style="289" customWidth="1"/>
    <col min="13567" max="13567" width="7.42578125" style="289" customWidth="1"/>
    <col min="13568" max="13569" width="9.140625" style="289" customWidth="1"/>
    <col min="13570" max="13570" width="7.42578125" style="289" customWidth="1"/>
    <col min="13571" max="13571" width="9.140625" style="289" customWidth="1"/>
    <col min="13572" max="13572" width="7.85546875" style="289" customWidth="1"/>
    <col min="13573" max="13574" width="9.140625" style="289" customWidth="1"/>
    <col min="13575" max="13575" width="7.7109375" style="289" customWidth="1"/>
    <col min="13576" max="13576" width="9.140625" style="289" customWidth="1"/>
    <col min="13577" max="13577" width="7.5703125" style="289" customWidth="1"/>
    <col min="13578" max="13578" width="9.140625" style="289" customWidth="1"/>
    <col min="13579" max="13580" width="7.7109375" style="289" customWidth="1"/>
    <col min="13581" max="13581" width="8" style="289" customWidth="1"/>
    <col min="13582" max="13813" width="9.140625" style="289"/>
    <col min="13814" max="13814" width="32" style="289" customWidth="1"/>
    <col min="13815" max="13815" width="9.140625" style="289"/>
    <col min="13816" max="13816" width="9.140625" style="289" customWidth="1"/>
    <col min="13817" max="13817" width="9.140625" style="289"/>
    <col min="13818" max="13818" width="9.140625" style="289" customWidth="1"/>
    <col min="13819" max="13819" width="7" style="289" customWidth="1"/>
    <col min="13820" max="13820" width="9.140625" style="289" customWidth="1"/>
    <col min="13821" max="13821" width="7.42578125" style="289" customWidth="1"/>
    <col min="13822" max="13822" width="9.140625" style="289" customWidth="1"/>
    <col min="13823" max="13823" width="7.42578125" style="289" customWidth="1"/>
    <col min="13824" max="13825" width="9.140625" style="289" customWidth="1"/>
    <col min="13826" max="13826" width="7.42578125" style="289" customWidth="1"/>
    <col min="13827" max="13827" width="9.140625" style="289" customWidth="1"/>
    <col min="13828" max="13828" width="7.85546875" style="289" customWidth="1"/>
    <col min="13829" max="13830" width="9.140625" style="289" customWidth="1"/>
    <col min="13831" max="13831" width="7.7109375" style="289" customWidth="1"/>
    <col min="13832" max="13832" width="9.140625" style="289" customWidth="1"/>
    <col min="13833" max="13833" width="7.5703125" style="289" customWidth="1"/>
    <col min="13834" max="13834" width="9.140625" style="289" customWidth="1"/>
    <col min="13835" max="13836" width="7.7109375" style="289" customWidth="1"/>
    <col min="13837" max="13837" width="8" style="289" customWidth="1"/>
    <col min="13838" max="14069" width="9.140625" style="289"/>
    <col min="14070" max="14070" width="32" style="289" customWidth="1"/>
    <col min="14071" max="14071" width="9.140625" style="289"/>
    <col min="14072" max="14072" width="9.140625" style="289" customWidth="1"/>
    <col min="14073" max="14073" width="9.140625" style="289"/>
    <col min="14074" max="14074" width="9.140625" style="289" customWidth="1"/>
    <col min="14075" max="14075" width="7" style="289" customWidth="1"/>
    <col min="14076" max="14076" width="9.140625" style="289" customWidth="1"/>
    <col min="14077" max="14077" width="7.42578125" style="289" customWidth="1"/>
    <col min="14078" max="14078" width="9.140625" style="289" customWidth="1"/>
    <col min="14079" max="14079" width="7.42578125" style="289" customWidth="1"/>
    <col min="14080" max="14081" width="9.140625" style="289" customWidth="1"/>
    <col min="14082" max="14082" width="7.42578125" style="289" customWidth="1"/>
    <col min="14083" max="14083" width="9.140625" style="289" customWidth="1"/>
    <col min="14084" max="14084" width="7.85546875" style="289" customWidth="1"/>
    <col min="14085" max="14086" width="9.140625" style="289" customWidth="1"/>
    <col min="14087" max="14087" width="7.7109375" style="289" customWidth="1"/>
    <col min="14088" max="14088" width="9.140625" style="289" customWidth="1"/>
    <col min="14089" max="14089" width="7.5703125" style="289" customWidth="1"/>
    <col min="14090" max="14090" width="9.140625" style="289" customWidth="1"/>
    <col min="14091" max="14092" width="7.7109375" style="289" customWidth="1"/>
    <col min="14093" max="14093" width="8" style="289" customWidth="1"/>
    <col min="14094" max="14325" width="9.140625" style="289"/>
    <col min="14326" max="14326" width="32" style="289" customWidth="1"/>
    <col min="14327" max="14327" width="9.140625" style="289"/>
    <col min="14328" max="14328" width="9.140625" style="289" customWidth="1"/>
    <col min="14329" max="14329" width="9.140625" style="289"/>
    <col min="14330" max="14330" width="9.140625" style="289" customWidth="1"/>
    <col min="14331" max="14331" width="7" style="289" customWidth="1"/>
    <col min="14332" max="14332" width="9.140625" style="289" customWidth="1"/>
    <col min="14333" max="14333" width="7.42578125" style="289" customWidth="1"/>
    <col min="14334" max="14334" width="9.140625" style="289" customWidth="1"/>
    <col min="14335" max="14335" width="7.42578125" style="289" customWidth="1"/>
    <col min="14336" max="14337" width="9.140625" style="289" customWidth="1"/>
    <col min="14338" max="14338" width="7.42578125" style="289" customWidth="1"/>
    <col min="14339" max="14339" width="9.140625" style="289" customWidth="1"/>
    <col min="14340" max="14340" width="7.85546875" style="289" customWidth="1"/>
    <col min="14341" max="14342" width="9.140625" style="289" customWidth="1"/>
    <col min="14343" max="14343" width="7.7109375" style="289" customWidth="1"/>
    <col min="14344" max="14344" width="9.140625" style="289" customWidth="1"/>
    <col min="14345" max="14345" width="7.5703125" style="289" customWidth="1"/>
    <col min="14346" max="14346" width="9.140625" style="289" customWidth="1"/>
    <col min="14347" max="14348" width="7.7109375" style="289" customWidth="1"/>
    <col min="14349" max="14349" width="8" style="289" customWidth="1"/>
    <col min="14350" max="14581" width="9.140625" style="289"/>
    <col min="14582" max="14582" width="32" style="289" customWidth="1"/>
    <col min="14583" max="14583" width="9.140625" style="289"/>
    <col min="14584" max="14584" width="9.140625" style="289" customWidth="1"/>
    <col min="14585" max="14585" width="9.140625" style="289"/>
    <col min="14586" max="14586" width="9.140625" style="289" customWidth="1"/>
    <col min="14587" max="14587" width="7" style="289" customWidth="1"/>
    <col min="14588" max="14588" width="9.140625" style="289" customWidth="1"/>
    <col min="14589" max="14589" width="7.42578125" style="289" customWidth="1"/>
    <col min="14590" max="14590" width="9.140625" style="289" customWidth="1"/>
    <col min="14591" max="14591" width="7.42578125" style="289" customWidth="1"/>
    <col min="14592" max="14593" width="9.140625" style="289" customWidth="1"/>
    <col min="14594" max="14594" width="7.42578125" style="289" customWidth="1"/>
    <col min="14595" max="14595" width="9.140625" style="289" customWidth="1"/>
    <col min="14596" max="14596" width="7.85546875" style="289" customWidth="1"/>
    <col min="14597" max="14598" width="9.140625" style="289" customWidth="1"/>
    <col min="14599" max="14599" width="7.7109375" style="289" customWidth="1"/>
    <col min="14600" max="14600" width="9.140625" style="289" customWidth="1"/>
    <col min="14601" max="14601" width="7.5703125" style="289" customWidth="1"/>
    <col min="14602" max="14602" width="9.140625" style="289" customWidth="1"/>
    <col min="14603" max="14604" width="7.7109375" style="289" customWidth="1"/>
    <col min="14605" max="14605" width="8" style="289" customWidth="1"/>
    <col min="14606" max="14837" width="9.140625" style="289"/>
    <col min="14838" max="14838" width="32" style="289" customWidth="1"/>
    <col min="14839" max="14839" width="9.140625" style="289"/>
    <col min="14840" max="14840" width="9.140625" style="289" customWidth="1"/>
    <col min="14841" max="14841" width="9.140625" style="289"/>
    <col min="14842" max="14842" width="9.140625" style="289" customWidth="1"/>
    <col min="14843" max="14843" width="7" style="289" customWidth="1"/>
    <col min="14844" max="14844" width="9.140625" style="289" customWidth="1"/>
    <col min="14845" max="14845" width="7.42578125" style="289" customWidth="1"/>
    <col min="14846" max="14846" width="9.140625" style="289" customWidth="1"/>
    <col min="14847" max="14847" width="7.42578125" style="289" customWidth="1"/>
    <col min="14848" max="14849" width="9.140625" style="289" customWidth="1"/>
    <col min="14850" max="14850" width="7.42578125" style="289" customWidth="1"/>
    <col min="14851" max="14851" width="9.140625" style="289" customWidth="1"/>
    <col min="14852" max="14852" width="7.85546875" style="289" customWidth="1"/>
    <col min="14853" max="14854" width="9.140625" style="289" customWidth="1"/>
    <col min="14855" max="14855" width="7.7109375" style="289" customWidth="1"/>
    <col min="14856" max="14856" width="9.140625" style="289" customWidth="1"/>
    <col min="14857" max="14857" width="7.5703125" style="289" customWidth="1"/>
    <col min="14858" max="14858" width="9.140625" style="289" customWidth="1"/>
    <col min="14859" max="14860" width="7.7109375" style="289" customWidth="1"/>
    <col min="14861" max="14861" width="8" style="289" customWidth="1"/>
    <col min="14862" max="15093" width="9.140625" style="289"/>
    <col min="15094" max="15094" width="32" style="289" customWidth="1"/>
    <col min="15095" max="15095" width="9.140625" style="289"/>
    <col min="15096" max="15096" width="9.140625" style="289" customWidth="1"/>
    <col min="15097" max="15097" width="9.140625" style="289"/>
    <col min="15098" max="15098" width="9.140625" style="289" customWidth="1"/>
    <col min="15099" max="15099" width="7" style="289" customWidth="1"/>
    <col min="15100" max="15100" width="9.140625" style="289" customWidth="1"/>
    <col min="15101" max="15101" width="7.42578125" style="289" customWidth="1"/>
    <col min="15102" max="15102" width="9.140625" style="289" customWidth="1"/>
    <col min="15103" max="15103" width="7.42578125" style="289" customWidth="1"/>
    <col min="15104" max="15105" width="9.140625" style="289" customWidth="1"/>
    <col min="15106" max="15106" width="7.42578125" style="289" customWidth="1"/>
    <col min="15107" max="15107" width="9.140625" style="289" customWidth="1"/>
    <col min="15108" max="15108" width="7.85546875" style="289" customWidth="1"/>
    <col min="15109" max="15110" width="9.140625" style="289" customWidth="1"/>
    <col min="15111" max="15111" width="7.7109375" style="289" customWidth="1"/>
    <col min="15112" max="15112" width="9.140625" style="289" customWidth="1"/>
    <col min="15113" max="15113" width="7.5703125" style="289" customWidth="1"/>
    <col min="15114" max="15114" width="9.140625" style="289" customWidth="1"/>
    <col min="15115" max="15116" width="7.7109375" style="289" customWidth="1"/>
    <col min="15117" max="15117" width="8" style="289" customWidth="1"/>
    <col min="15118" max="15349" width="9.140625" style="289"/>
    <col min="15350" max="15350" width="32" style="289" customWidth="1"/>
    <col min="15351" max="15351" width="9.140625" style="289"/>
    <col min="15352" max="15352" width="9.140625" style="289" customWidth="1"/>
    <col min="15353" max="15353" width="9.140625" style="289"/>
    <col min="15354" max="15354" width="9.140625" style="289" customWidth="1"/>
    <col min="15355" max="15355" width="7" style="289" customWidth="1"/>
    <col min="15356" max="15356" width="9.140625" style="289" customWidth="1"/>
    <col min="15357" max="15357" width="7.42578125" style="289" customWidth="1"/>
    <col min="15358" max="15358" width="9.140625" style="289" customWidth="1"/>
    <col min="15359" max="15359" width="7.42578125" style="289" customWidth="1"/>
    <col min="15360" max="15361" width="9.140625" style="289" customWidth="1"/>
    <col min="15362" max="15362" width="7.42578125" style="289" customWidth="1"/>
    <col min="15363" max="15363" width="9.140625" style="289" customWidth="1"/>
    <col min="15364" max="15364" width="7.85546875" style="289" customWidth="1"/>
    <col min="15365" max="15366" width="9.140625" style="289" customWidth="1"/>
    <col min="15367" max="15367" width="7.7109375" style="289" customWidth="1"/>
    <col min="15368" max="15368" width="9.140625" style="289" customWidth="1"/>
    <col min="15369" max="15369" width="7.5703125" style="289" customWidth="1"/>
    <col min="15370" max="15370" width="9.140625" style="289" customWidth="1"/>
    <col min="15371" max="15372" width="7.7109375" style="289" customWidth="1"/>
    <col min="15373" max="15373" width="8" style="289" customWidth="1"/>
    <col min="15374" max="15605" width="9.140625" style="289"/>
    <col min="15606" max="15606" width="32" style="289" customWidth="1"/>
    <col min="15607" max="15607" width="9.140625" style="289"/>
    <col min="15608" max="15608" width="9.140625" style="289" customWidth="1"/>
    <col min="15609" max="15609" width="9.140625" style="289"/>
    <col min="15610" max="15610" width="9.140625" style="289" customWidth="1"/>
    <col min="15611" max="15611" width="7" style="289" customWidth="1"/>
    <col min="15612" max="15612" width="9.140625" style="289" customWidth="1"/>
    <col min="15613" max="15613" width="7.42578125" style="289" customWidth="1"/>
    <col min="15614" max="15614" width="9.140625" style="289" customWidth="1"/>
    <col min="15615" max="15615" width="7.42578125" style="289" customWidth="1"/>
    <col min="15616" max="15617" width="9.140625" style="289" customWidth="1"/>
    <col min="15618" max="15618" width="7.42578125" style="289" customWidth="1"/>
    <col min="15619" max="15619" width="9.140625" style="289" customWidth="1"/>
    <col min="15620" max="15620" width="7.85546875" style="289" customWidth="1"/>
    <col min="15621" max="15622" width="9.140625" style="289" customWidth="1"/>
    <col min="15623" max="15623" width="7.7109375" style="289" customWidth="1"/>
    <col min="15624" max="15624" width="9.140625" style="289" customWidth="1"/>
    <col min="15625" max="15625" width="7.5703125" style="289" customWidth="1"/>
    <col min="15626" max="15626" width="9.140625" style="289" customWidth="1"/>
    <col min="15627" max="15628" width="7.7109375" style="289" customWidth="1"/>
    <col min="15629" max="15629" width="8" style="289" customWidth="1"/>
    <col min="15630" max="15861" width="9.140625" style="289"/>
    <col min="15862" max="15862" width="32" style="289" customWidth="1"/>
    <col min="15863" max="15863" width="9.140625" style="289"/>
    <col min="15864" max="15864" width="9.140625" style="289" customWidth="1"/>
    <col min="15865" max="15865" width="9.140625" style="289"/>
    <col min="15866" max="15866" width="9.140625" style="289" customWidth="1"/>
    <col min="15867" max="15867" width="7" style="289" customWidth="1"/>
    <col min="15868" max="15868" width="9.140625" style="289" customWidth="1"/>
    <col min="15869" max="15869" width="7.42578125" style="289" customWidth="1"/>
    <col min="15870" max="15870" width="9.140625" style="289" customWidth="1"/>
    <col min="15871" max="15871" width="7.42578125" style="289" customWidth="1"/>
    <col min="15872" max="15873" width="9.140625" style="289" customWidth="1"/>
    <col min="15874" max="15874" width="7.42578125" style="289" customWidth="1"/>
    <col min="15875" max="15875" width="9.140625" style="289" customWidth="1"/>
    <col min="15876" max="15876" width="7.85546875" style="289" customWidth="1"/>
    <col min="15877" max="15878" width="9.140625" style="289" customWidth="1"/>
    <col min="15879" max="15879" width="7.7109375" style="289" customWidth="1"/>
    <col min="15880" max="15880" width="9.140625" style="289" customWidth="1"/>
    <col min="15881" max="15881" width="7.5703125" style="289" customWidth="1"/>
    <col min="15882" max="15882" width="9.140625" style="289" customWidth="1"/>
    <col min="15883" max="15884" width="7.7109375" style="289" customWidth="1"/>
    <col min="15885" max="15885" width="8" style="289" customWidth="1"/>
    <col min="15886" max="16117" width="9.140625" style="289"/>
    <col min="16118" max="16118" width="32" style="289" customWidth="1"/>
    <col min="16119" max="16119" width="9.140625" style="289"/>
    <col min="16120" max="16120" width="9.140625" style="289" customWidth="1"/>
    <col min="16121" max="16121" width="9.140625" style="289"/>
    <col min="16122" max="16122" width="9.140625" style="289" customWidth="1"/>
    <col min="16123" max="16123" width="7" style="289" customWidth="1"/>
    <col min="16124" max="16124" width="9.140625" style="289" customWidth="1"/>
    <col min="16125" max="16125" width="7.42578125" style="289" customWidth="1"/>
    <col min="16126" max="16126" width="9.140625" style="289" customWidth="1"/>
    <col min="16127" max="16127" width="7.42578125" style="289" customWidth="1"/>
    <col min="16128" max="16129" width="9.140625" style="289" customWidth="1"/>
    <col min="16130" max="16130" width="7.42578125" style="289" customWidth="1"/>
    <col min="16131" max="16131" width="9.140625" style="289" customWidth="1"/>
    <col min="16132" max="16132" width="7.85546875" style="289" customWidth="1"/>
    <col min="16133" max="16134" width="9.140625" style="289" customWidth="1"/>
    <col min="16135" max="16135" width="7.7109375" style="289" customWidth="1"/>
    <col min="16136" max="16136" width="9.140625" style="289" customWidth="1"/>
    <col min="16137" max="16137" width="7.5703125" style="289" customWidth="1"/>
    <col min="16138" max="16138" width="9.140625" style="289" customWidth="1"/>
    <col min="16139" max="16140" width="7.7109375" style="289" customWidth="1"/>
    <col min="16141" max="16141" width="8" style="289" customWidth="1"/>
    <col min="16142" max="16384" width="9.140625" style="289"/>
  </cols>
  <sheetData>
    <row r="1" spans="1:13" ht="10.5" x14ac:dyDescent="0.2">
      <c r="A1" s="481"/>
    </row>
    <row r="3" spans="1:13" ht="11.25" customHeight="1" x14ac:dyDescent="0.2">
      <c r="A3" s="1266" t="s">
        <v>641</v>
      </c>
      <c r="B3" s="1266"/>
      <c r="C3" s="1266"/>
      <c r="D3" s="1266"/>
      <c r="E3" s="1266"/>
      <c r="F3" s="1266"/>
      <c r="G3" s="1266"/>
      <c r="H3" s="1266"/>
      <c r="I3" s="1266"/>
      <c r="J3" s="1266"/>
      <c r="K3" s="1266"/>
      <c r="L3" s="1266"/>
      <c r="M3" s="483"/>
    </row>
    <row r="4" spans="1:13" ht="11.25" customHeight="1" x14ac:dyDescent="0.2">
      <c r="A4" s="1266" t="s">
        <v>105</v>
      </c>
      <c r="B4" s="1266"/>
      <c r="C4" s="1266"/>
      <c r="D4" s="1266"/>
      <c r="E4" s="1266"/>
      <c r="F4" s="1266"/>
      <c r="G4" s="1266"/>
      <c r="H4" s="1266"/>
      <c r="I4" s="1266"/>
      <c r="J4" s="1266"/>
      <c r="K4" s="1266"/>
      <c r="L4" s="1266"/>
      <c r="M4" s="483"/>
    </row>
    <row r="5" spans="1:13" ht="11.25" customHeight="1" x14ac:dyDescent="0.2">
      <c r="A5" s="1266" t="s">
        <v>818</v>
      </c>
      <c r="B5" s="1266"/>
      <c r="C5" s="1266"/>
      <c r="D5" s="1266"/>
      <c r="E5" s="1266"/>
      <c r="F5" s="1266"/>
      <c r="G5" s="1266"/>
      <c r="H5" s="1266"/>
      <c r="I5" s="1266"/>
      <c r="J5" s="1266"/>
      <c r="K5" s="1266"/>
      <c r="L5" s="1266"/>
      <c r="M5" s="483"/>
    </row>
    <row r="6" spans="1:13" ht="11.25" customHeight="1" x14ac:dyDescent="0.2">
      <c r="A6" s="1267" t="s">
        <v>107</v>
      </c>
      <c r="B6" s="1266"/>
      <c r="C6" s="1266"/>
      <c r="D6" s="1266"/>
      <c r="E6" s="1266"/>
      <c r="F6" s="1266"/>
      <c r="G6" s="1266"/>
      <c r="H6" s="1266"/>
      <c r="I6" s="1266"/>
      <c r="J6" s="1266"/>
      <c r="K6" s="1266"/>
      <c r="L6" s="1266"/>
      <c r="M6" s="483"/>
    </row>
    <row r="7" spans="1:13" ht="11.25" customHeight="1" x14ac:dyDescent="0.2">
      <c r="A7" s="1266" t="s">
        <v>881</v>
      </c>
      <c r="B7" s="1266"/>
      <c r="C7" s="1266"/>
      <c r="D7" s="1266"/>
      <c r="E7" s="1266"/>
      <c r="F7" s="1266"/>
      <c r="G7" s="1266"/>
      <c r="H7" s="1266"/>
      <c r="I7" s="1266"/>
      <c r="J7" s="1266"/>
      <c r="K7" s="1266"/>
      <c r="L7" s="1266"/>
      <c r="M7" s="483"/>
    </row>
    <row r="8" spans="1:13" ht="11.25" customHeight="1" x14ac:dyDescent="0.2">
      <c r="A8" s="1265"/>
      <c r="B8" s="1265"/>
      <c r="C8" s="1265"/>
      <c r="D8" s="1265"/>
      <c r="E8" s="1265"/>
      <c r="F8" s="1265"/>
      <c r="G8" s="1265"/>
      <c r="H8" s="1265"/>
      <c r="I8" s="1265"/>
      <c r="J8" s="1265"/>
      <c r="K8" s="1265"/>
      <c r="L8" s="1265"/>
      <c r="M8" s="483"/>
    </row>
    <row r="9" spans="1:13" ht="11.25" customHeight="1" x14ac:dyDescent="0.2">
      <c r="A9" s="1264" t="s">
        <v>819</v>
      </c>
      <c r="B9" s="1264"/>
      <c r="C9" s="1264"/>
      <c r="D9" s="1264"/>
      <c r="E9" s="482"/>
      <c r="F9" s="482"/>
      <c r="G9" s="482"/>
      <c r="H9" s="482"/>
      <c r="I9" s="482"/>
      <c r="J9" s="482"/>
      <c r="K9" s="1261">
        <v>1</v>
      </c>
      <c r="L9" s="1261"/>
      <c r="M9" s="483"/>
    </row>
    <row r="10" spans="1:13" s="228" customFormat="1" ht="12" customHeight="1" x14ac:dyDescent="0.2">
      <c r="A10" s="961" t="s">
        <v>173</v>
      </c>
      <c r="B10" s="922" t="s">
        <v>820</v>
      </c>
      <c r="C10" s="923"/>
      <c r="D10" s="924"/>
      <c r="E10" s="964" t="s">
        <v>855</v>
      </c>
      <c r="F10" s="874"/>
      <c r="G10" s="874"/>
      <c r="H10" s="874"/>
      <c r="I10" s="874"/>
      <c r="J10" s="875"/>
      <c r="K10" s="1262" t="s">
        <v>821</v>
      </c>
      <c r="L10" s="1263"/>
      <c r="M10" s="483"/>
    </row>
    <row r="11" spans="1:13" s="228" customFormat="1" ht="11.25" customHeight="1" x14ac:dyDescent="0.2">
      <c r="A11" s="951"/>
      <c r="B11" s="950" t="s">
        <v>822</v>
      </c>
      <c r="C11" s="956"/>
      <c r="D11" s="927"/>
      <c r="E11" s="976" t="s">
        <v>823</v>
      </c>
      <c r="F11" s="970"/>
      <c r="G11" s="961"/>
      <c r="H11" s="976" t="s">
        <v>824</v>
      </c>
      <c r="I11" s="970"/>
      <c r="J11" s="961"/>
      <c r="K11" s="954"/>
      <c r="L11" s="956"/>
      <c r="M11" s="483"/>
    </row>
    <row r="12" spans="1:13" s="228" customFormat="1" ht="11.25" customHeight="1" x14ac:dyDescent="0.2">
      <c r="A12" s="951"/>
      <c r="B12" s="950" t="s">
        <v>825</v>
      </c>
      <c r="C12" s="956"/>
      <c r="D12" s="927"/>
      <c r="E12" s="950"/>
      <c r="F12" s="1233"/>
      <c r="G12" s="951"/>
      <c r="H12" s="950"/>
      <c r="I12" s="1233"/>
      <c r="J12" s="951"/>
      <c r="K12" s="950" t="s">
        <v>826</v>
      </c>
      <c r="L12" s="1233"/>
      <c r="M12" s="483"/>
    </row>
    <row r="13" spans="1:13" s="228" customFormat="1" ht="21" customHeight="1" x14ac:dyDescent="0.2">
      <c r="A13" s="953"/>
      <c r="B13" s="952" t="s">
        <v>116</v>
      </c>
      <c r="C13" s="986"/>
      <c r="D13" s="928"/>
      <c r="E13" s="952"/>
      <c r="F13" s="971"/>
      <c r="G13" s="953"/>
      <c r="H13" s="986" t="s">
        <v>117</v>
      </c>
      <c r="I13" s="986"/>
      <c r="J13" s="928"/>
      <c r="K13" s="952"/>
      <c r="L13" s="971"/>
      <c r="M13" s="483"/>
    </row>
    <row r="14" spans="1:13" s="166" customFormat="1" ht="11.25" customHeight="1" x14ac:dyDescent="0.2">
      <c r="A14" s="484" t="s">
        <v>827</v>
      </c>
      <c r="B14" s="1240"/>
      <c r="C14" s="1241"/>
      <c r="D14" s="1242"/>
      <c r="E14" s="1241"/>
      <c r="F14" s="1241"/>
      <c r="G14" s="1242"/>
      <c r="H14" s="1241"/>
      <c r="I14" s="1241"/>
      <c r="J14" s="1242"/>
      <c r="K14" s="1243"/>
      <c r="L14" s="1244"/>
      <c r="M14" s="485"/>
    </row>
    <row r="15" spans="1:13" s="228" customFormat="1" ht="11.25" customHeight="1" x14ac:dyDescent="0.2">
      <c r="A15" s="61" t="s">
        <v>828</v>
      </c>
      <c r="B15" s="1245"/>
      <c r="C15" s="1246"/>
      <c r="D15" s="1247"/>
      <c r="E15" s="1248"/>
      <c r="F15" s="1246"/>
      <c r="G15" s="1247"/>
      <c r="H15" s="1248"/>
      <c r="I15" s="1246"/>
      <c r="J15" s="1247"/>
      <c r="K15" s="1249"/>
      <c r="L15" s="1250"/>
      <c r="M15" s="483"/>
    </row>
    <row r="16" spans="1:13" s="228" customFormat="1" ht="11.25" customHeight="1" x14ac:dyDescent="0.2">
      <c r="A16" s="61" t="s">
        <v>829</v>
      </c>
      <c r="B16" s="1245"/>
      <c r="C16" s="1246"/>
      <c r="D16" s="1247"/>
      <c r="E16" s="1248"/>
      <c r="F16" s="1246"/>
      <c r="G16" s="1247"/>
      <c r="H16" s="1248"/>
      <c r="I16" s="1246"/>
      <c r="J16" s="1247"/>
      <c r="K16" s="1249"/>
      <c r="L16" s="1250"/>
      <c r="M16" s="483"/>
    </row>
    <row r="17" spans="1:13" s="228" customFormat="1" ht="11.25" customHeight="1" x14ac:dyDescent="0.2">
      <c r="A17" s="61" t="s">
        <v>830</v>
      </c>
      <c r="B17" s="1235"/>
      <c r="C17" s="1236"/>
      <c r="D17" s="1237"/>
      <c r="E17" s="1236"/>
      <c r="F17" s="1236"/>
      <c r="G17" s="1237"/>
      <c r="H17" s="1236"/>
      <c r="I17" s="1236"/>
      <c r="J17" s="1237"/>
      <c r="K17" s="1238"/>
      <c r="L17" s="1239"/>
      <c r="M17" s="483"/>
    </row>
    <row r="18" spans="1:13" s="166" customFormat="1" ht="11.25" customHeight="1" x14ac:dyDescent="0.2">
      <c r="A18" s="484" t="s">
        <v>831</v>
      </c>
      <c r="B18" s="1240"/>
      <c r="C18" s="1241"/>
      <c r="D18" s="1242"/>
      <c r="E18" s="1241"/>
      <c r="F18" s="1241"/>
      <c r="G18" s="1242"/>
      <c r="H18" s="1241"/>
      <c r="I18" s="1241"/>
      <c r="J18" s="1242"/>
      <c r="K18" s="1243"/>
      <c r="L18" s="1244"/>
      <c r="M18" s="485"/>
    </row>
    <row r="19" spans="1:13" s="228" customFormat="1" ht="11.25" customHeight="1" x14ac:dyDescent="0.2">
      <c r="A19" s="61" t="s">
        <v>832</v>
      </c>
      <c r="B19" s="1245"/>
      <c r="C19" s="1246"/>
      <c r="D19" s="1247"/>
      <c r="E19" s="1248"/>
      <c r="F19" s="1246"/>
      <c r="G19" s="1247"/>
      <c r="H19" s="1248"/>
      <c r="I19" s="1246"/>
      <c r="J19" s="1247"/>
      <c r="K19" s="1249"/>
      <c r="L19" s="1250"/>
      <c r="M19" s="483"/>
    </row>
    <row r="20" spans="1:13" s="228" customFormat="1" ht="11.25" customHeight="1" x14ac:dyDescent="0.2">
      <c r="A20" s="61" t="s">
        <v>833</v>
      </c>
      <c r="B20" s="1245"/>
      <c r="C20" s="1246"/>
      <c r="D20" s="1247"/>
      <c r="E20" s="1248"/>
      <c r="F20" s="1246"/>
      <c r="G20" s="1247"/>
      <c r="H20" s="1248"/>
      <c r="I20" s="1246"/>
      <c r="J20" s="1247"/>
      <c r="K20" s="1249"/>
      <c r="L20" s="1250"/>
      <c r="M20" s="483"/>
    </row>
    <row r="21" spans="1:13" s="228" customFormat="1" ht="11.25" customHeight="1" x14ac:dyDescent="0.2">
      <c r="A21" s="61" t="s">
        <v>834</v>
      </c>
      <c r="B21" s="1235"/>
      <c r="C21" s="1236"/>
      <c r="D21" s="1237"/>
      <c r="E21" s="1236"/>
      <c r="F21" s="1236"/>
      <c r="G21" s="1237"/>
      <c r="H21" s="1236"/>
      <c r="I21" s="1236"/>
      <c r="J21" s="1237"/>
      <c r="K21" s="1238"/>
      <c r="L21" s="1239"/>
      <c r="M21" s="483"/>
    </row>
    <row r="22" spans="1:13" s="228" customFormat="1" ht="11.25" customHeight="1" x14ac:dyDescent="0.2">
      <c r="A22" s="486" t="s">
        <v>835</v>
      </c>
      <c r="B22" s="1256"/>
      <c r="C22" s="1257"/>
      <c r="D22" s="1258"/>
      <c r="E22" s="1257"/>
      <c r="F22" s="1257"/>
      <c r="G22" s="1258"/>
      <c r="H22" s="1257"/>
      <c r="I22" s="1257"/>
      <c r="J22" s="1258"/>
      <c r="K22" s="1259"/>
      <c r="L22" s="1260"/>
      <c r="M22" s="483"/>
    </row>
    <row r="23" spans="1:13" s="228" customFormat="1" ht="11.25" customHeight="1" x14ac:dyDescent="0.2">
      <c r="A23" s="487" t="s">
        <v>836</v>
      </c>
      <c r="B23" s="1256"/>
      <c r="C23" s="1257"/>
      <c r="D23" s="1258"/>
      <c r="E23" s="1257"/>
      <c r="F23" s="1257"/>
      <c r="G23" s="1258"/>
      <c r="H23" s="1257"/>
      <c r="I23" s="1257"/>
      <c r="J23" s="1258"/>
      <c r="K23" s="1259"/>
      <c r="L23" s="1260"/>
      <c r="M23" s="483"/>
    </row>
    <row r="24" spans="1:13" s="228" customFormat="1" ht="11.25" customHeight="1" x14ac:dyDescent="0.2">
      <c r="A24" s="488" t="s">
        <v>837</v>
      </c>
      <c r="B24" s="1251"/>
      <c r="C24" s="1252"/>
      <c r="D24" s="1253"/>
      <c r="E24" s="1252"/>
      <c r="F24" s="1252"/>
      <c r="G24" s="1253"/>
      <c r="H24" s="1252"/>
      <c r="I24" s="1252"/>
      <c r="J24" s="1253"/>
      <c r="K24" s="1254"/>
      <c r="L24" s="1255"/>
      <c r="M24" s="483"/>
    </row>
    <row r="25" spans="1:13" s="228" customFormat="1" ht="11.25" customHeight="1" x14ac:dyDescent="0.2">
      <c r="A25" s="61" t="s">
        <v>838</v>
      </c>
      <c r="B25" s="1245"/>
      <c r="C25" s="1246"/>
      <c r="D25" s="1247"/>
      <c r="E25" s="1248"/>
      <c r="F25" s="1246"/>
      <c r="G25" s="1247"/>
      <c r="H25" s="1248"/>
      <c r="I25" s="1246"/>
      <c r="J25" s="1247"/>
      <c r="K25" s="1249"/>
      <c r="L25" s="1250"/>
      <c r="M25" s="483"/>
    </row>
    <row r="26" spans="1:13" s="228" customFormat="1" ht="11.25" customHeight="1" x14ac:dyDescent="0.2">
      <c r="A26" s="61" t="s">
        <v>839</v>
      </c>
      <c r="B26" s="1245"/>
      <c r="C26" s="1246"/>
      <c r="D26" s="1247"/>
      <c r="E26" s="1248"/>
      <c r="F26" s="1246"/>
      <c r="G26" s="1247"/>
      <c r="H26" s="1248"/>
      <c r="I26" s="1246"/>
      <c r="J26" s="1247"/>
      <c r="K26" s="1249"/>
      <c r="L26" s="1250"/>
      <c r="M26" s="483"/>
    </row>
    <row r="27" spans="1:13" s="228" customFormat="1" ht="11.25" customHeight="1" x14ac:dyDescent="0.2">
      <c r="A27" s="489" t="s">
        <v>840</v>
      </c>
      <c r="B27" s="1235"/>
      <c r="C27" s="1236"/>
      <c r="D27" s="1237"/>
      <c r="E27" s="1236"/>
      <c r="F27" s="1236"/>
      <c r="G27" s="1237"/>
      <c r="H27" s="1236"/>
      <c r="I27" s="1236"/>
      <c r="J27" s="1237"/>
      <c r="K27" s="1238"/>
      <c r="L27" s="1239"/>
      <c r="M27" s="483"/>
    </row>
    <row r="28" spans="1:13" s="166" customFormat="1" ht="11.25" customHeight="1" x14ac:dyDescent="0.2">
      <c r="A28" s="488" t="s">
        <v>841</v>
      </c>
      <c r="B28" s="1240"/>
      <c r="C28" s="1241"/>
      <c r="D28" s="1242"/>
      <c r="E28" s="1241"/>
      <c r="F28" s="1241"/>
      <c r="G28" s="1242"/>
      <c r="H28" s="1241"/>
      <c r="I28" s="1241"/>
      <c r="J28" s="1242"/>
      <c r="K28" s="1243"/>
      <c r="L28" s="1244"/>
      <c r="M28" s="485"/>
    </row>
    <row r="29" spans="1:13" s="228" customFormat="1" ht="11.25" customHeight="1" x14ac:dyDescent="0.2">
      <c r="A29" s="61" t="s">
        <v>842</v>
      </c>
      <c r="B29" s="1245"/>
      <c r="C29" s="1246"/>
      <c r="D29" s="1247"/>
      <c r="E29" s="1248"/>
      <c r="F29" s="1246"/>
      <c r="G29" s="1247"/>
      <c r="H29" s="1248"/>
      <c r="I29" s="1246"/>
      <c r="J29" s="1247"/>
      <c r="K29" s="1249"/>
      <c r="L29" s="1250"/>
      <c r="M29" s="483"/>
    </row>
    <row r="30" spans="1:13" s="228" customFormat="1" ht="11.25" customHeight="1" x14ac:dyDescent="0.2">
      <c r="A30" s="489" t="s">
        <v>843</v>
      </c>
      <c r="B30" s="1235"/>
      <c r="C30" s="1236"/>
      <c r="D30" s="1237"/>
      <c r="E30" s="1236"/>
      <c r="F30" s="1236"/>
      <c r="G30" s="1237"/>
      <c r="H30" s="1236"/>
      <c r="I30" s="1236"/>
      <c r="J30" s="1237"/>
      <c r="K30" s="1238"/>
      <c r="L30" s="1239"/>
      <c r="M30" s="483"/>
    </row>
    <row r="31" spans="1:13" ht="11.25" customHeight="1" x14ac:dyDescent="0.2">
      <c r="A31" s="490"/>
      <c r="B31" s="490"/>
      <c r="C31" s="490"/>
      <c r="D31" s="490"/>
      <c r="E31" s="482"/>
      <c r="F31" s="482"/>
      <c r="G31" s="482"/>
      <c r="H31" s="482"/>
      <c r="I31" s="482"/>
      <c r="J31" s="482"/>
      <c r="K31" s="491"/>
      <c r="L31" s="491"/>
      <c r="M31" s="483"/>
    </row>
    <row r="32" spans="1:13" ht="15" customHeight="1" x14ac:dyDescent="0.2">
      <c r="A32" s="477"/>
      <c r="B32" s="479" t="s">
        <v>844</v>
      </c>
      <c r="C32" s="479" t="s">
        <v>845</v>
      </c>
      <c r="D32" s="982">
        <v>2016</v>
      </c>
      <c r="E32" s="982">
        <v>2017</v>
      </c>
      <c r="F32" s="982">
        <v>2018</v>
      </c>
      <c r="G32" s="982">
        <v>2019</v>
      </c>
      <c r="H32" s="982">
        <v>2020</v>
      </c>
      <c r="I32" s="982">
        <v>2021</v>
      </c>
      <c r="J32" s="982">
        <v>2022</v>
      </c>
      <c r="K32" s="982">
        <v>2023</v>
      </c>
      <c r="L32" s="976">
        <v>2024</v>
      </c>
      <c r="M32" s="492"/>
    </row>
    <row r="33" spans="1:13" ht="11.25" customHeight="1" x14ac:dyDescent="0.2">
      <c r="A33" s="480" t="s">
        <v>846</v>
      </c>
      <c r="B33" s="475" t="s">
        <v>847</v>
      </c>
      <c r="C33" s="475" t="s">
        <v>848</v>
      </c>
      <c r="D33" s="1234"/>
      <c r="E33" s="1234"/>
      <c r="F33" s="1229"/>
      <c r="G33" s="1229"/>
      <c r="H33" s="1229"/>
      <c r="I33" s="1229"/>
      <c r="J33" s="1229"/>
      <c r="K33" s="1229"/>
      <c r="L33" s="1231"/>
      <c r="M33" s="492"/>
    </row>
    <row r="34" spans="1:13" ht="15" customHeight="1" x14ac:dyDescent="0.2">
      <c r="A34" s="478"/>
      <c r="B34" s="476"/>
      <c r="C34" s="476">
        <v>2015</v>
      </c>
      <c r="D34" s="983"/>
      <c r="E34" s="983"/>
      <c r="F34" s="1230"/>
      <c r="G34" s="1230"/>
      <c r="H34" s="1230"/>
      <c r="I34" s="1230"/>
      <c r="J34" s="1230"/>
      <c r="K34" s="1230"/>
      <c r="L34" s="1232"/>
      <c r="M34" s="492"/>
    </row>
    <row r="35" spans="1:13" ht="11.25" customHeight="1" x14ac:dyDescent="0.2">
      <c r="A35" s="289" t="s">
        <v>849</v>
      </c>
      <c r="B35" s="493"/>
      <c r="C35" s="493"/>
      <c r="D35" s="493"/>
      <c r="E35" s="493"/>
      <c r="F35" s="493"/>
      <c r="G35" s="493"/>
      <c r="H35" s="493"/>
      <c r="I35" s="493"/>
      <c r="J35" s="493"/>
      <c r="K35" s="494"/>
      <c r="L35" s="502"/>
      <c r="M35" s="495"/>
    </row>
    <row r="36" spans="1:13" ht="11.25" customHeight="1" x14ac:dyDescent="0.2">
      <c r="A36" s="61"/>
      <c r="B36" s="493"/>
      <c r="C36" s="493"/>
      <c r="D36" s="493"/>
      <c r="E36" s="493"/>
      <c r="F36" s="493"/>
      <c r="G36" s="493"/>
      <c r="H36" s="493"/>
      <c r="I36" s="493"/>
      <c r="J36" s="493"/>
      <c r="K36" s="494"/>
      <c r="L36" s="502"/>
      <c r="M36" s="495"/>
    </row>
    <row r="37" spans="1:13" ht="11.25" customHeight="1" x14ac:dyDescent="0.2">
      <c r="A37" s="289" t="s">
        <v>850</v>
      </c>
      <c r="B37" s="493"/>
      <c r="C37" s="493"/>
      <c r="D37" s="493"/>
      <c r="E37" s="493"/>
      <c r="F37" s="493"/>
      <c r="G37" s="493"/>
      <c r="H37" s="493"/>
      <c r="I37" s="493"/>
      <c r="J37" s="493"/>
      <c r="K37" s="494"/>
      <c r="L37" s="502"/>
      <c r="M37" s="495"/>
    </row>
    <row r="38" spans="1:13" ht="11.25" customHeight="1" x14ac:dyDescent="0.2">
      <c r="A38" s="61"/>
      <c r="B38" s="493"/>
      <c r="C38" s="493"/>
      <c r="D38" s="493"/>
      <c r="E38" s="493"/>
      <c r="F38" s="493"/>
      <c r="G38" s="493"/>
      <c r="H38" s="493"/>
      <c r="I38" s="493"/>
      <c r="J38" s="493"/>
      <c r="K38" s="494"/>
      <c r="L38" s="502"/>
      <c r="M38" s="495"/>
    </row>
    <row r="39" spans="1:13" ht="11.25" customHeight="1" x14ac:dyDescent="0.2">
      <c r="A39" s="486" t="s">
        <v>851</v>
      </c>
      <c r="B39" s="496"/>
      <c r="C39" s="496"/>
      <c r="D39" s="496"/>
      <c r="E39" s="496"/>
      <c r="F39" s="496"/>
      <c r="G39" s="496"/>
      <c r="H39" s="496"/>
      <c r="I39" s="496"/>
      <c r="J39" s="496"/>
      <c r="K39" s="501"/>
      <c r="L39" s="503"/>
      <c r="M39" s="495"/>
    </row>
    <row r="40" spans="1:13" ht="15.75" customHeight="1" x14ac:dyDescent="0.2">
      <c r="A40" s="487" t="s">
        <v>852</v>
      </c>
      <c r="B40" s="496"/>
      <c r="C40" s="504">
        <v>8320781588.8699999</v>
      </c>
      <c r="D40" s="496"/>
      <c r="E40" s="496"/>
      <c r="F40" s="496"/>
      <c r="G40" s="496"/>
      <c r="H40" s="496"/>
      <c r="I40" s="496"/>
      <c r="J40" s="496"/>
      <c r="K40" s="497"/>
      <c r="L40" s="503"/>
      <c r="M40" s="495"/>
    </row>
    <row r="41" spans="1:13" ht="11.25" customHeight="1" x14ac:dyDescent="0.2">
      <c r="A41" s="487" t="s">
        <v>853</v>
      </c>
      <c r="B41" s="496"/>
      <c r="C41" s="496"/>
      <c r="D41" s="496"/>
      <c r="E41" s="496"/>
      <c r="F41" s="496"/>
      <c r="G41" s="496"/>
      <c r="H41" s="496"/>
      <c r="I41" s="496"/>
      <c r="J41" s="496"/>
      <c r="K41" s="497"/>
      <c r="L41" s="503"/>
      <c r="M41" s="495"/>
    </row>
    <row r="42" spans="1:13" ht="11.25" customHeight="1" x14ac:dyDescent="0.2">
      <c r="A42" s="498" t="s">
        <v>854</v>
      </c>
      <c r="B42" s="499"/>
      <c r="C42" s="499"/>
      <c r="D42" s="499"/>
      <c r="E42" s="499"/>
      <c r="F42" s="499"/>
      <c r="G42" s="499"/>
      <c r="H42" s="499"/>
      <c r="I42" s="499"/>
      <c r="J42" s="499"/>
      <c r="K42" s="499"/>
      <c r="L42" s="499"/>
      <c r="M42" s="500"/>
    </row>
    <row r="43" spans="1:13" ht="10.5" x14ac:dyDescent="0.2">
      <c r="A43" s="109" t="s">
        <v>863</v>
      </c>
      <c r="B43" s="19"/>
      <c r="C43" s="19"/>
      <c r="D43" s="19"/>
      <c r="E43" s="19"/>
      <c r="F43" s="19"/>
      <c r="G43" s="19"/>
      <c r="H43" s="19"/>
      <c r="I43" s="19"/>
      <c r="J43" s="1228"/>
      <c r="K43" s="1228"/>
      <c r="L43" s="1228"/>
      <c r="M43" s="63"/>
    </row>
    <row r="44" spans="1:13" ht="11.25" customHeight="1" x14ac:dyDescent="0.2">
      <c r="A44" s="228"/>
    </row>
    <row r="52" s="50" customFormat="1" ht="11.25" customHeight="1" x14ac:dyDescent="0.2"/>
    <row r="53" s="50" customFormat="1" ht="11.25" customHeight="1" x14ac:dyDescent="0.2"/>
    <row r="54" s="50" customFormat="1" ht="11.25" customHeight="1" x14ac:dyDescent="0.2"/>
    <row r="55" s="50" customFormat="1" ht="11.25" customHeight="1" x14ac:dyDescent="0.2"/>
    <row r="56" s="50" customFormat="1" ht="11.25" customHeight="1" x14ac:dyDescent="0.2"/>
    <row r="57" s="50" customFormat="1" ht="11.25" customHeight="1" x14ac:dyDescent="0.2"/>
    <row r="58" s="50" customFormat="1" ht="11.25" customHeight="1" x14ac:dyDescent="0.2"/>
  </sheetData>
  <customSheetViews>
    <customSheetView guid="{6DBFA32C-4AA4-4E1D-9A48-697377C64CC3}" showPageBreaks="1" showGridLines="0" fitToPage="1" printArea="1">
      <selection activeCell="A3" sqref="A3:L3"/>
      <pageMargins left="0.19685039370078741" right="0.19685039370078741" top="0.59055118110236227" bottom="0.19685039370078741" header="0" footer="0"/>
      <printOptions horizontalCentered="1"/>
      <pageSetup paperSize="9" scale="71" orientation="portrait" r:id="rId1"/>
    </customSheetView>
    <customSheetView guid="{25EF1E0D-169B-4051-B414-7E1196FC05E4}" showPageBreaks="1" showGridLines="0" fitToPage="1" printArea="1" topLeftCell="A25">
      <selection activeCell="N25" sqref="N25"/>
      <pageMargins left="0.19685039370078741" right="0.19685039370078741" top="0.59055118110236227" bottom="0.19685039370078741" header="0" footer="0"/>
      <printOptions horizontalCentered="1"/>
      <pageSetup paperSize="9" scale="70" orientation="portrait" r:id="rId2"/>
    </customSheetView>
    <customSheetView guid="{82EDB5A4-4824-4632-A540-7A52C92F04C7}" showPageBreaks="1" showGridLines="0" fitToPage="1" printArea="1">
      <selection activeCell="A3" sqref="A3:L3"/>
      <pageMargins left="0.19685039370078741" right="0.19685039370078741" top="0.59055118110236227" bottom="0.19685039370078741" header="0" footer="0"/>
      <printOptions horizontalCentered="1"/>
      <pageSetup paperSize="9" scale="71" orientation="portrait" r:id="rId3"/>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4"/>
    </customSheetView>
    <customSheetView guid="{3AAF6A5F-F9AA-430B-9AD9-1261ECDF41B5}" showPageBreaks="1" showGridLines="0" fitToPage="1" printArea="1" topLeftCell="A7">
      <selection activeCell="O22" sqref="O22"/>
      <pageMargins left="0.19685039370078741" right="0.19685039370078741" top="0.59055118110236227" bottom="0.19685039370078741" header="0" footer="0"/>
      <printOptions horizontalCentered="1"/>
      <pageSetup paperSize="9" scale="70" orientation="portrait" r:id="rId5"/>
    </customSheetView>
    <customSheetView guid="{C779D862-DE28-46CD-A428-4AAA1056D1E1}" showGridLines="0" fitToPage="1" topLeftCell="A4">
      <selection activeCell="N30" sqref="N30"/>
      <pageMargins left="0.19685039370078741" right="0.19685039370078741" top="0.59055118110236227" bottom="0.19685039370078741" header="0" footer="0"/>
      <printOptions horizontalCentered="1"/>
      <pageSetup paperSize="9" scale="70" orientation="portrait" r:id="rId6"/>
    </customSheetView>
  </customSheetViews>
  <mergeCells count="97">
    <mergeCell ref="A8:L8"/>
    <mergeCell ref="A3:L3"/>
    <mergeCell ref="A4:L4"/>
    <mergeCell ref="A5:L5"/>
    <mergeCell ref="A6:L6"/>
    <mergeCell ref="A7:L7"/>
    <mergeCell ref="B12:D12"/>
    <mergeCell ref="B13:D13"/>
    <mergeCell ref="H13:J13"/>
    <mergeCell ref="K9:L9"/>
    <mergeCell ref="B10:D10"/>
    <mergeCell ref="E10:J10"/>
    <mergeCell ref="K10:L11"/>
    <mergeCell ref="B11:D11"/>
    <mergeCell ref="A9:D9"/>
    <mergeCell ref="B14:D14"/>
    <mergeCell ref="E14:G14"/>
    <mergeCell ref="H14:J14"/>
    <mergeCell ref="K14:L14"/>
    <mergeCell ref="B15:D15"/>
    <mergeCell ref="E15:G15"/>
    <mergeCell ref="H15:J15"/>
    <mergeCell ref="K15:L15"/>
    <mergeCell ref="B16:D16"/>
    <mergeCell ref="E16:G16"/>
    <mergeCell ref="H16:J16"/>
    <mergeCell ref="K16:L16"/>
    <mergeCell ref="B17:D17"/>
    <mergeCell ref="E17:G17"/>
    <mergeCell ref="H17:J17"/>
    <mergeCell ref="K17:L17"/>
    <mergeCell ref="B18:D18"/>
    <mergeCell ref="E18:G18"/>
    <mergeCell ref="H18:J18"/>
    <mergeCell ref="K18:L18"/>
    <mergeCell ref="B19:D19"/>
    <mergeCell ref="E19:G19"/>
    <mergeCell ref="H19:J19"/>
    <mergeCell ref="K19:L19"/>
    <mergeCell ref="B20:D20"/>
    <mergeCell ref="E20:G20"/>
    <mergeCell ref="H20:J20"/>
    <mergeCell ref="K20:L20"/>
    <mergeCell ref="B21:D21"/>
    <mergeCell ref="E21:G21"/>
    <mergeCell ref="H21:J21"/>
    <mergeCell ref="K21:L21"/>
    <mergeCell ref="B22:D22"/>
    <mergeCell ref="E22:G22"/>
    <mergeCell ref="H22:J22"/>
    <mergeCell ref="K22:L22"/>
    <mergeCell ref="B23:D23"/>
    <mergeCell ref="E23:G23"/>
    <mergeCell ref="H23:J23"/>
    <mergeCell ref="K23:L23"/>
    <mergeCell ref="B24:D24"/>
    <mergeCell ref="E24:G24"/>
    <mergeCell ref="H24:J24"/>
    <mergeCell ref="K24:L24"/>
    <mergeCell ref="B25:D25"/>
    <mergeCell ref="E25:G25"/>
    <mergeCell ref="H25:J25"/>
    <mergeCell ref="K25:L25"/>
    <mergeCell ref="B26:D26"/>
    <mergeCell ref="E26:G26"/>
    <mergeCell ref="H26:J26"/>
    <mergeCell ref="K26:L26"/>
    <mergeCell ref="B27:D27"/>
    <mergeCell ref="E27:G27"/>
    <mergeCell ref="H27:J27"/>
    <mergeCell ref="K27:L27"/>
    <mergeCell ref="H30:J30"/>
    <mergeCell ref="K30:L30"/>
    <mergeCell ref="B28:D28"/>
    <mergeCell ref="E28:G28"/>
    <mergeCell ref="H28:J28"/>
    <mergeCell ref="K28:L28"/>
    <mergeCell ref="B29:D29"/>
    <mergeCell ref="E29:G29"/>
    <mergeCell ref="H29:J29"/>
    <mergeCell ref="K29:L29"/>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s>
  <printOptions horizontalCentered="1"/>
  <pageMargins left="0.19685039370078741" right="0.19685039370078741" top="0.59055118110236227" bottom="0.19685039370078741" header="0" footer="0"/>
  <pageSetup paperSize="9" scale="71" orientation="portrait" r:id="rId7"/>
  <drawing r:id="rId8"/>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tabColor rgb="FF00B050"/>
    <pageSetUpPr fitToPage="1"/>
  </sheetPr>
  <dimension ref="A1:U107"/>
  <sheetViews>
    <sheetView showGridLines="0" tabSelected="1" zoomScaleNormal="100" workbookViewId="0"/>
  </sheetViews>
  <sheetFormatPr defaultColWidth="1" defaultRowHeight="11.25" customHeight="1" x14ac:dyDescent="0.2"/>
  <cols>
    <col min="1" max="1" width="92.5703125" style="1" customWidth="1"/>
    <col min="2" max="2" width="29" style="1" bestFit="1" customWidth="1"/>
    <col min="3" max="3" width="19.140625" style="74" customWidth="1"/>
    <col min="4" max="5" width="17.7109375" style="1" bestFit="1" customWidth="1"/>
    <col min="6" max="6" width="17.28515625" style="1" bestFit="1" customWidth="1"/>
    <col min="7" max="59" width="15.7109375" style="1" customWidth="1"/>
    <col min="60" max="16384" width="1" style="1"/>
  </cols>
  <sheetData>
    <row r="1" spans="1:13" s="27" customFormat="1" ht="10.5" x14ac:dyDescent="0.2">
      <c r="A1" s="318"/>
      <c r="B1" s="318"/>
      <c r="C1" s="318"/>
      <c r="D1" s="318"/>
      <c r="E1" s="318"/>
    </row>
    <row r="2" spans="1:13" s="27" customFormat="1" ht="11.25" customHeight="1" x14ac:dyDescent="0.2">
      <c r="A2" s="140"/>
    </row>
    <row r="3" spans="1:13" s="50" customFormat="1" ht="11.25" customHeight="1" x14ac:dyDescent="0.2">
      <c r="A3" s="1194" t="s">
        <v>641</v>
      </c>
      <c r="B3" s="1194"/>
      <c r="C3" s="1194"/>
      <c r="D3" s="1194"/>
      <c r="E3" s="1194"/>
      <c r="F3" s="304"/>
      <c r="G3" s="304"/>
      <c r="H3" s="304"/>
      <c r="I3" s="304"/>
      <c r="J3" s="304"/>
      <c r="K3" s="304"/>
      <c r="L3" s="304"/>
      <c r="M3" s="304"/>
    </row>
    <row r="4" spans="1:13" s="50" customFormat="1" ht="11.25" customHeight="1" x14ac:dyDescent="0.2">
      <c r="A4" s="864" t="s">
        <v>251</v>
      </c>
      <c r="B4" s="864"/>
      <c r="C4" s="864"/>
      <c r="D4" s="864"/>
      <c r="E4" s="864"/>
    </row>
    <row r="5" spans="1:13" s="50" customFormat="1" ht="11.25" customHeight="1" x14ac:dyDescent="0.2">
      <c r="A5" s="1194" t="s">
        <v>106</v>
      </c>
      <c r="B5" s="1194"/>
      <c r="C5" s="1194"/>
      <c r="D5" s="1194"/>
      <c r="E5" s="1194"/>
    </row>
    <row r="6" spans="1:13" s="50" customFormat="1" ht="11.25" customHeight="1" x14ac:dyDescent="0.2">
      <c r="A6" s="1194" t="s">
        <v>107</v>
      </c>
      <c r="B6" s="1194"/>
      <c r="C6" s="1194"/>
      <c r="D6" s="1194"/>
      <c r="E6" s="1194"/>
    </row>
    <row r="7" spans="1:13" s="50" customFormat="1" ht="11.25" customHeight="1" x14ac:dyDescent="0.2">
      <c r="A7" s="1194" t="s">
        <v>881</v>
      </c>
      <c r="B7" s="1194"/>
      <c r="C7" s="1194"/>
      <c r="D7" s="1194"/>
      <c r="E7" s="1194"/>
    </row>
    <row r="8" spans="1:13" s="50" customFormat="1" ht="11.25" customHeight="1" x14ac:dyDescent="0.2">
      <c r="A8" s="270"/>
      <c r="B8" s="270"/>
      <c r="C8" s="270"/>
      <c r="D8" s="270"/>
      <c r="E8" s="270"/>
    </row>
    <row r="9" spans="1:13" s="27" customFormat="1" ht="11.25" customHeight="1" x14ac:dyDescent="0.2">
      <c r="A9" s="27" t="s">
        <v>817</v>
      </c>
      <c r="B9" s="142"/>
      <c r="E9" s="240">
        <v>1</v>
      </c>
    </row>
    <row r="10" spans="1:13" s="27" customFormat="1" ht="21" customHeight="1" x14ac:dyDescent="0.2">
      <c r="A10" s="143" t="s">
        <v>106</v>
      </c>
      <c r="B10" s="1280" t="s">
        <v>115</v>
      </c>
      <c r="C10" s="1281"/>
      <c r="D10" s="1281"/>
      <c r="E10" s="1281"/>
    </row>
    <row r="11" spans="1:13" s="73" customFormat="1" ht="11.25" customHeight="1" x14ac:dyDescent="0.2">
      <c r="A11" s="172" t="s">
        <v>110</v>
      </c>
      <c r="B11" s="845"/>
      <c r="C11" s="846"/>
      <c r="D11" s="846"/>
      <c r="E11" s="846"/>
    </row>
    <row r="12" spans="1:13" ht="11.25" customHeight="1" x14ac:dyDescent="0.2">
      <c r="A12" s="25" t="s">
        <v>315</v>
      </c>
      <c r="B12" s="835">
        <v>13057110000</v>
      </c>
      <c r="C12" s="836"/>
      <c r="D12" s="836"/>
      <c r="E12" s="836"/>
    </row>
    <row r="13" spans="1:13" ht="11.25" customHeight="1" x14ac:dyDescent="0.2">
      <c r="A13" s="25" t="s">
        <v>316</v>
      </c>
      <c r="B13" s="835">
        <v>15910244551.08</v>
      </c>
      <c r="C13" s="836"/>
      <c r="D13" s="836"/>
      <c r="E13" s="836"/>
    </row>
    <row r="14" spans="1:13" ht="11.25" customHeight="1" x14ac:dyDescent="0.2">
      <c r="A14" s="25" t="s">
        <v>61</v>
      </c>
      <c r="B14" s="835">
        <v>14572566971.010002</v>
      </c>
      <c r="C14" s="836"/>
      <c r="D14" s="836"/>
      <c r="E14" s="836"/>
    </row>
    <row r="15" spans="1:13" ht="11.25" customHeight="1" x14ac:dyDescent="0.2">
      <c r="A15" s="25" t="s">
        <v>62</v>
      </c>
      <c r="B15" s="835">
        <v>112938357.97999573</v>
      </c>
      <c r="C15" s="836"/>
      <c r="D15" s="836"/>
      <c r="E15" s="836"/>
    </row>
    <row r="16" spans="1:13" ht="11.25" customHeight="1" x14ac:dyDescent="0.2">
      <c r="A16" s="25" t="s">
        <v>63</v>
      </c>
      <c r="B16" s="835">
        <v>0</v>
      </c>
      <c r="C16" s="836"/>
      <c r="D16" s="836"/>
      <c r="E16" s="836"/>
    </row>
    <row r="17" spans="1:5" s="73" customFormat="1" ht="11.25" customHeight="1" x14ac:dyDescent="0.2">
      <c r="A17" s="172" t="s">
        <v>160</v>
      </c>
      <c r="B17" s="835">
        <v>0</v>
      </c>
      <c r="C17" s="836"/>
      <c r="D17" s="836"/>
      <c r="E17" s="836"/>
    </row>
    <row r="18" spans="1:5" ht="11.25" customHeight="1" x14ac:dyDescent="0.2">
      <c r="A18" s="22" t="s">
        <v>64</v>
      </c>
      <c r="B18" s="835">
        <v>13057110000</v>
      </c>
      <c r="C18" s="836"/>
      <c r="D18" s="836"/>
      <c r="E18" s="836"/>
    </row>
    <row r="19" spans="1:5" ht="11.25" customHeight="1" x14ac:dyDescent="0.2">
      <c r="A19" s="22" t="s">
        <v>69</v>
      </c>
      <c r="B19" s="909">
        <v>3274821372.1899986</v>
      </c>
      <c r="C19" s="1017"/>
      <c r="D19" s="1017"/>
      <c r="E19" s="1017"/>
    </row>
    <row r="20" spans="1:5" ht="11.25" customHeight="1" x14ac:dyDescent="0.2">
      <c r="A20" s="22" t="s">
        <v>65</v>
      </c>
      <c r="B20" s="835">
        <v>16331931372.189999</v>
      </c>
      <c r="C20" s="836"/>
      <c r="D20" s="836"/>
      <c r="E20" s="836"/>
    </row>
    <row r="21" spans="1:5" ht="11.25" customHeight="1" x14ac:dyDescent="0.2">
      <c r="A21" s="22" t="s">
        <v>66</v>
      </c>
      <c r="B21" s="835">
        <v>14685505328.990002</v>
      </c>
      <c r="C21" s="836"/>
      <c r="D21" s="836"/>
      <c r="E21" s="836"/>
    </row>
    <row r="22" spans="1:5" ht="11.25" customHeight="1" x14ac:dyDescent="0.2">
      <c r="A22" s="25" t="s">
        <v>67</v>
      </c>
      <c r="B22" s="835">
        <v>13598249339.849998</v>
      </c>
      <c r="C22" s="836"/>
      <c r="D22" s="836"/>
      <c r="E22" s="836"/>
    </row>
    <row r="23" spans="1:5" ht="11.25" customHeight="1" x14ac:dyDescent="0.2">
      <c r="A23" s="22" t="s">
        <v>553</v>
      </c>
      <c r="B23" s="835">
        <v>13126990738.140001</v>
      </c>
      <c r="C23" s="836"/>
      <c r="D23" s="836"/>
      <c r="E23" s="836"/>
    </row>
    <row r="24" spans="1:5" ht="11.25" customHeight="1" x14ac:dyDescent="0.2">
      <c r="A24" s="75" t="s">
        <v>68</v>
      </c>
      <c r="B24" s="835">
        <v>0</v>
      </c>
      <c r="C24" s="836"/>
      <c r="D24" s="836"/>
      <c r="E24" s="836"/>
    </row>
    <row r="25" spans="1:5" ht="21" customHeight="1" x14ac:dyDescent="0.2">
      <c r="A25" s="40" t="s">
        <v>254</v>
      </c>
      <c r="B25" s="873" t="s">
        <v>115</v>
      </c>
      <c r="C25" s="874"/>
      <c r="D25" s="874"/>
      <c r="E25" s="874"/>
    </row>
    <row r="26" spans="1:5" ht="11.25" customHeight="1" x14ac:dyDescent="0.2">
      <c r="A26" s="22" t="s">
        <v>252</v>
      </c>
      <c r="B26" s="835">
        <v>14685505328.99</v>
      </c>
      <c r="C26" s="836"/>
      <c r="D26" s="836"/>
      <c r="E26" s="836"/>
    </row>
    <row r="27" spans="1:5" ht="11.25" customHeight="1" x14ac:dyDescent="0.2">
      <c r="A27" s="76" t="s">
        <v>253</v>
      </c>
      <c r="B27" s="835">
        <v>13598249339.850004</v>
      </c>
      <c r="C27" s="836"/>
      <c r="D27" s="836"/>
      <c r="E27" s="836"/>
    </row>
    <row r="28" spans="1:5" ht="23.25" customHeight="1" x14ac:dyDescent="0.2">
      <c r="A28" s="39" t="s">
        <v>255</v>
      </c>
      <c r="B28" s="874" t="s">
        <v>115</v>
      </c>
      <c r="C28" s="874"/>
      <c r="D28" s="874"/>
      <c r="E28" s="874"/>
    </row>
    <row r="29" spans="1:5" ht="11.25" customHeight="1" x14ac:dyDescent="0.2">
      <c r="A29" s="315" t="s">
        <v>256</v>
      </c>
      <c r="B29" s="895">
        <v>8320781588.8699999</v>
      </c>
      <c r="C29" s="896"/>
      <c r="D29" s="896"/>
      <c r="E29" s="896"/>
    </row>
    <row r="30" spans="1:5" ht="11.25" customHeight="1" x14ac:dyDescent="0.2">
      <c r="A30" s="22"/>
      <c r="B30" s="77"/>
      <c r="C30" s="78"/>
      <c r="D30" s="29"/>
    </row>
    <row r="31" spans="1:5" ht="21.75" customHeight="1" x14ac:dyDescent="0.2">
      <c r="A31" s="40" t="s">
        <v>70</v>
      </c>
      <c r="B31" s="873" t="s">
        <v>115</v>
      </c>
      <c r="C31" s="874"/>
      <c r="D31" s="874"/>
      <c r="E31" s="874"/>
    </row>
    <row r="32" spans="1:5" s="241" customFormat="1" ht="11.25" customHeight="1" x14ac:dyDescent="0.2">
      <c r="A32" s="166" t="s">
        <v>257</v>
      </c>
      <c r="B32" s="1282"/>
      <c r="C32" s="1273"/>
      <c r="D32" s="1273"/>
      <c r="E32" s="1273"/>
    </row>
    <row r="33" spans="1:5" ht="11.25" customHeight="1" x14ac:dyDescent="0.2">
      <c r="A33" s="22" t="s">
        <v>71</v>
      </c>
      <c r="B33" s="1283"/>
      <c r="C33" s="1277"/>
      <c r="D33" s="1277"/>
      <c r="E33" s="1277"/>
    </row>
    <row r="34" spans="1:5" ht="11.25" customHeight="1" x14ac:dyDescent="0.2">
      <c r="A34" s="22" t="s">
        <v>72</v>
      </c>
      <c r="B34" s="1283"/>
      <c r="C34" s="1277"/>
      <c r="D34" s="1277"/>
      <c r="E34" s="1277"/>
    </row>
    <row r="35" spans="1:5" ht="11.25" customHeight="1" x14ac:dyDescent="0.2">
      <c r="A35" s="22" t="s">
        <v>103</v>
      </c>
      <c r="B35" s="1283"/>
      <c r="C35" s="1277"/>
      <c r="D35" s="1277"/>
      <c r="E35" s="1277"/>
    </row>
    <row r="36" spans="1:5" ht="11.25" customHeight="1" x14ac:dyDescent="0.2">
      <c r="A36" s="166" t="s">
        <v>317</v>
      </c>
      <c r="B36" s="1283"/>
      <c r="C36" s="1277"/>
      <c r="D36" s="1277"/>
      <c r="E36" s="1277"/>
    </row>
    <row r="37" spans="1:5" s="73" customFormat="1" ht="11.25" customHeight="1" x14ac:dyDescent="0.2">
      <c r="A37" s="228" t="s">
        <v>73</v>
      </c>
      <c r="B37" s="1276">
        <v>934889400.93000007</v>
      </c>
      <c r="C37" s="1277"/>
      <c r="D37" s="1277"/>
      <c r="E37" s="1277"/>
    </row>
    <row r="38" spans="1:5" ht="11.25" customHeight="1" x14ac:dyDescent="0.2">
      <c r="A38" s="22" t="s">
        <v>74</v>
      </c>
      <c r="B38" s="1276">
        <v>1871574582.5200002</v>
      </c>
      <c r="C38" s="1277"/>
      <c r="D38" s="1277"/>
      <c r="E38" s="1277"/>
    </row>
    <row r="39" spans="1:5" ht="11.25" customHeight="1" x14ac:dyDescent="0.2">
      <c r="A39" s="75" t="s">
        <v>104</v>
      </c>
      <c r="B39" s="1270">
        <v>-936685181.59000015</v>
      </c>
      <c r="C39" s="1271"/>
      <c r="D39" s="1271"/>
      <c r="E39" s="1271"/>
    </row>
    <row r="40" spans="1:5" ht="11.25" customHeight="1" x14ac:dyDescent="0.2">
      <c r="E40" s="22"/>
    </row>
    <row r="41" spans="1:5" ht="11.25" customHeight="1" x14ac:dyDescent="0.2">
      <c r="A41" s="37"/>
      <c r="B41" s="33" t="s">
        <v>260</v>
      </c>
      <c r="C41" s="33" t="s">
        <v>261</v>
      </c>
      <c r="D41" s="922" t="s">
        <v>262</v>
      </c>
      <c r="E41" s="923"/>
    </row>
    <row r="42" spans="1:5" ht="11.25" customHeight="1" x14ac:dyDescent="0.2">
      <c r="A42" s="45" t="s">
        <v>263</v>
      </c>
      <c r="B42" s="34" t="s">
        <v>264</v>
      </c>
      <c r="C42" s="34" t="s">
        <v>115</v>
      </c>
      <c r="D42" s="954"/>
      <c r="E42" s="956"/>
    </row>
    <row r="43" spans="1:5" ht="11.25" customHeight="1" x14ac:dyDescent="0.2">
      <c r="A43" s="79"/>
      <c r="B43" s="34" t="s">
        <v>265</v>
      </c>
      <c r="C43" s="947" t="s">
        <v>117</v>
      </c>
      <c r="D43" s="954" t="s">
        <v>118</v>
      </c>
      <c r="E43" s="956"/>
    </row>
    <row r="44" spans="1:5" ht="11.25" customHeight="1" x14ac:dyDescent="0.2">
      <c r="A44" s="55"/>
      <c r="B44" s="80" t="s">
        <v>116</v>
      </c>
      <c r="C44" s="926"/>
      <c r="D44" s="955"/>
      <c r="E44" s="986"/>
    </row>
    <row r="45" spans="1:5" ht="11.25" customHeight="1" x14ac:dyDescent="0.2">
      <c r="A45" s="25" t="s">
        <v>266</v>
      </c>
      <c r="B45" s="470">
        <v>-279873000</v>
      </c>
      <c r="C45" s="470">
        <v>-364265809.38999939</v>
      </c>
      <c r="D45" s="1278">
        <v>130.15396604531318</v>
      </c>
      <c r="E45" s="1279"/>
    </row>
    <row r="46" spans="1:5" ht="11.25" customHeight="1" x14ac:dyDescent="0.2">
      <c r="A46" s="76" t="s">
        <v>267</v>
      </c>
      <c r="B46" s="469">
        <v>471749000</v>
      </c>
      <c r="C46" s="625">
        <v>917615451.1599977</v>
      </c>
      <c r="D46" s="1270">
        <v>194.51349153045322</v>
      </c>
      <c r="E46" s="1271"/>
    </row>
    <row r="48" spans="1:5" ht="11.25" customHeight="1" x14ac:dyDescent="0.2">
      <c r="A48" s="924" t="s">
        <v>75</v>
      </c>
      <c r="B48" s="925" t="s">
        <v>268</v>
      </c>
      <c r="C48" s="33" t="s">
        <v>269</v>
      </c>
      <c r="D48" s="35" t="s">
        <v>554</v>
      </c>
      <c r="E48" s="35" t="s">
        <v>270</v>
      </c>
    </row>
    <row r="49" spans="1:6" ht="11.25" customHeight="1" x14ac:dyDescent="0.2">
      <c r="A49" s="928"/>
      <c r="B49" s="926"/>
      <c r="C49" s="80" t="s">
        <v>115</v>
      </c>
      <c r="D49" s="41" t="s">
        <v>115</v>
      </c>
      <c r="E49" s="41" t="s">
        <v>5</v>
      </c>
    </row>
    <row r="50" spans="1:6" s="73" customFormat="1" ht="11.25" customHeight="1" x14ac:dyDescent="0.2">
      <c r="A50" s="152" t="s">
        <v>271</v>
      </c>
      <c r="B50" s="615">
        <v>145403813.37</v>
      </c>
      <c r="C50" s="368">
        <v>415198.65</v>
      </c>
      <c r="D50" s="616">
        <v>109438975.86999999</v>
      </c>
      <c r="E50" s="616">
        <v>35549638.850000016</v>
      </c>
      <c r="F50" s="216"/>
    </row>
    <row r="51" spans="1:6" ht="11.25" customHeight="1" x14ac:dyDescent="0.2">
      <c r="A51" s="25" t="s">
        <v>272</v>
      </c>
      <c r="B51" s="243">
        <v>115280339.71000001</v>
      </c>
      <c r="C51" s="617">
        <v>415198.65</v>
      </c>
      <c r="D51" s="617">
        <v>79326196.039999992</v>
      </c>
      <c r="E51" s="617">
        <v>35538945.020000011</v>
      </c>
    </row>
    <row r="52" spans="1:6" ht="11.25" customHeight="1" x14ac:dyDescent="0.2">
      <c r="A52" s="25" t="s">
        <v>273</v>
      </c>
      <c r="B52" s="243">
        <v>5807246.6800000006</v>
      </c>
      <c r="C52" s="617">
        <v>0</v>
      </c>
      <c r="D52" s="617">
        <v>5807246.6800000006</v>
      </c>
      <c r="E52" s="617">
        <v>0</v>
      </c>
    </row>
    <row r="53" spans="1:6" ht="11.25" customHeight="1" x14ac:dyDescent="0.2">
      <c r="A53" s="25" t="s">
        <v>274</v>
      </c>
      <c r="B53" s="243">
        <v>24195296.159999996</v>
      </c>
      <c r="C53" s="617">
        <v>0</v>
      </c>
      <c r="D53" s="617">
        <v>24190740.459999997</v>
      </c>
      <c r="E53" s="617">
        <v>4555.6999999992549</v>
      </c>
    </row>
    <row r="54" spans="1:6" ht="11.25" customHeight="1" x14ac:dyDescent="0.2">
      <c r="A54" s="25" t="s">
        <v>275</v>
      </c>
      <c r="B54" s="243">
        <v>120930.82</v>
      </c>
      <c r="C54" s="617">
        <v>0</v>
      </c>
      <c r="D54" s="617">
        <v>114792.69</v>
      </c>
      <c r="E54" s="617">
        <v>6138.1300000000047</v>
      </c>
    </row>
    <row r="55" spans="1:6" s="73" customFormat="1" ht="11.25" customHeight="1" x14ac:dyDescent="0.2">
      <c r="A55" s="152" t="s">
        <v>276</v>
      </c>
      <c r="B55" s="615">
        <v>113506559.31999999</v>
      </c>
      <c r="C55" s="615">
        <v>42962751.090000011</v>
      </c>
      <c r="D55" s="615">
        <v>49348163.880000003</v>
      </c>
      <c r="E55" s="368">
        <v>21195644.34999999</v>
      </c>
    </row>
    <row r="56" spans="1:6" ht="11.25" customHeight="1" x14ac:dyDescent="0.2">
      <c r="A56" s="25" t="s">
        <v>272</v>
      </c>
      <c r="B56" s="243">
        <v>99243844.459999993</v>
      </c>
      <c r="C56" s="617">
        <v>41431395.470000006</v>
      </c>
      <c r="D56" s="617">
        <v>38056933.439999998</v>
      </c>
      <c r="E56" s="617">
        <v>19755515.54999999</v>
      </c>
    </row>
    <row r="57" spans="1:6" ht="11.25" customHeight="1" x14ac:dyDescent="0.2">
      <c r="A57" s="25" t="s">
        <v>273</v>
      </c>
      <c r="B57" s="243">
        <v>0</v>
      </c>
      <c r="C57" s="617">
        <v>0</v>
      </c>
      <c r="D57" s="617">
        <v>0</v>
      </c>
      <c r="E57" s="617">
        <v>0</v>
      </c>
    </row>
    <row r="58" spans="1:6" ht="11.25" customHeight="1" x14ac:dyDescent="0.2">
      <c r="A58" s="25" t="s">
        <v>274</v>
      </c>
      <c r="B58" s="243">
        <v>8303103.4199999999</v>
      </c>
      <c r="C58" s="617">
        <v>1155187.6000000001</v>
      </c>
      <c r="D58" s="617">
        <v>6927876.2700000005</v>
      </c>
      <c r="E58" s="617">
        <v>220039.54999999981</v>
      </c>
    </row>
    <row r="59" spans="1:6" ht="11.25" customHeight="1" x14ac:dyDescent="0.2">
      <c r="A59" s="25" t="s">
        <v>275</v>
      </c>
      <c r="B59" s="243">
        <v>5959611.4399999995</v>
      </c>
      <c r="C59" s="617">
        <v>376168.02</v>
      </c>
      <c r="D59" s="618">
        <v>4363354.17</v>
      </c>
      <c r="E59" s="618">
        <v>1220089.25</v>
      </c>
    </row>
    <row r="60" spans="1:6" ht="11.25" customHeight="1" x14ac:dyDescent="0.2">
      <c r="A60" s="271" t="s">
        <v>170</v>
      </c>
      <c r="B60" s="619">
        <v>258910372.69</v>
      </c>
      <c r="C60" s="619">
        <v>43377949.74000001</v>
      </c>
      <c r="D60" s="619">
        <v>158787139.75</v>
      </c>
      <c r="E60" s="245">
        <v>56745283.200000003</v>
      </c>
    </row>
    <row r="61" spans="1:6" ht="11.25" customHeight="1" x14ac:dyDescent="0.2">
      <c r="A61" s="37"/>
      <c r="B61" s="36" t="s">
        <v>277</v>
      </c>
      <c r="C61" s="873" t="s">
        <v>278</v>
      </c>
      <c r="D61" s="874"/>
      <c r="E61" s="874"/>
    </row>
    <row r="62" spans="1:6" ht="11.25" customHeight="1" x14ac:dyDescent="0.2">
      <c r="A62" s="45" t="s">
        <v>76</v>
      </c>
      <c r="B62" s="44" t="s">
        <v>115</v>
      </c>
      <c r="C62" s="35" t="s">
        <v>279</v>
      </c>
      <c r="D62" s="922" t="s">
        <v>294</v>
      </c>
      <c r="E62" s="923"/>
    </row>
    <row r="63" spans="1:6" ht="11.25" customHeight="1" x14ac:dyDescent="0.2">
      <c r="A63" s="43"/>
      <c r="B63" s="43"/>
      <c r="C63" s="80" t="s">
        <v>295</v>
      </c>
      <c r="D63" s="41"/>
      <c r="E63" s="42"/>
    </row>
    <row r="64" spans="1:6" ht="10.5" x14ac:dyDescent="0.2">
      <c r="A64" s="313" t="s">
        <v>804</v>
      </c>
      <c r="B64" s="243">
        <v>3117232870.7129998</v>
      </c>
      <c r="C64" s="82">
        <v>0.25</v>
      </c>
      <c r="D64" s="1274">
        <v>42.875225721487375</v>
      </c>
      <c r="E64" s="1275"/>
    </row>
    <row r="65" spans="1:6" ht="10.5" x14ac:dyDescent="0.2">
      <c r="A65" s="313" t="s">
        <v>77</v>
      </c>
      <c r="B65" s="243">
        <v>836724889.30999994</v>
      </c>
      <c r="C65" s="82">
        <v>0.6</v>
      </c>
      <c r="D65" s="1276">
        <v>97.617430710966275</v>
      </c>
      <c r="E65" s="1277"/>
    </row>
    <row r="66" spans="1:6" ht="15" customHeight="1" x14ac:dyDescent="0.2">
      <c r="A66" s="313" t="s">
        <v>78</v>
      </c>
      <c r="B66" s="243">
        <v>0</v>
      </c>
      <c r="C66" s="82">
        <v>0.6</v>
      </c>
      <c r="D66" s="1268">
        <v>0</v>
      </c>
      <c r="E66" s="1269"/>
    </row>
    <row r="67" spans="1:6" ht="10.5" x14ac:dyDescent="0.2">
      <c r="A67" s="314" t="s">
        <v>79</v>
      </c>
      <c r="B67" s="472">
        <v>0</v>
      </c>
      <c r="C67" s="83">
        <v>0</v>
      </c>
      <c r="D67" s="1268">
        <v>0</v>
      </c>
      <c r="E67" s="1269"/>
    </row>
    <row r="68" spans="1:6" ht="21.75" customHeight="1" x14ac:dyDescent="0.2">
      <c r="A68" s="37" t="s">
        <v>296</v>
      </c>
      <c r="B68" s="873" t="s">
        <v>297</v>
      </c>
      <c r="C68" s="875"/>
      <c r="D68" s="873" t="s">
        <v>349</v>
      </c>
      <c r="E68" s="874"/>
    </row>
    <row r="69" spans="1:6" ht="11.25" customHeight="1" x14ac:dyDescent="0.2">
      <c r="A69" s="23" t="s">
        <v>299</v>
      </c>
      <c r="B69" s="1268">
        <v>41998753.960000001</v>
      </c>
      <c r="C69" s="1269"/>
      <c r="D69" s="1268">
        <v>1328101.2100000009</v>
      </c>
      <c r="E69" s="1269"/>
    </row>
    <row r="70" spans="1:6" ht="11.25" customHeight="1" x14ac:dyDescent="0.2">
      <c r="A70" s="76" t="s">
        <v>300</v>
      </c>
      <c r="B70" s="1268">
        <v>1658858290.26</v>
      </c>
      <c r="C70" s="1269"/>
      <c r="D70" s="1268">
        <v>513550366.1400001</v>
      </c>
      <c r="E70" s="1269"/>
    </row>
    <row r="71" spans="1:6" ht="21.75" customHeight="1" x14ac:dyDescent="0.2">
      <c r="A71" s="40" t="s">
        <v>301</v>
      </c>
      <c r="B71" s="2" t="s">
        <v>302</v>
      </c>
      <c r="C71" s="3" t="s">
        <v>303</v>
      </c>
      <c r="D71" s="2" t="s">
        <v>304</v>
      </c>
      <c r="E71" s="38" t="s">
        <v>305</v>
      </c>
    </row>
    <row r="72" spans="1:6" s="73" customFormat="1" ht="11.25" customHeight="1" x14ac:dyDescent="0.2">
      <c r="A72" s="152" t="s">
        <v>257</v>
      </c>
      <c r="B72" s="809"/>
      <c r="C72" s="809"/>
      <c r="D72" s="809"/>
      <c r="E72" s="616"/>
    </row>
    <row r="73" spans="1:6" ht="11.25" customHeight="1" x14ac:dyDescent="0.2">
      <c r="A73" s="25" t="s">
        <v>258</v>
      </c>
      <c r="B73" s="749"/>
      <c r="C73" s="749"/>
      <c r="D73" s="749"/>
      <c r="E73" s="617"/>
    </row>
    <row r="74" spans="1:6" ht="11.25" customHeight="1" x14ac:dyDescent="0.2">
      <c r="A74" s="25" t="s">
        <v>259</v>
      </c>
      <c r="B74" s="749"/>
      <c r="C74" s="749"/>
      <c r="D74" s="749"/>
      <c r="E74" s="617"/>
    </row>
    <row r="75" spans="1:6" ht="11.25" customHeight="1" x14ac:dyDescent="0.2">
      <c r="A75" s="25" t="s">
        <v>103</v>
      </c>
      <c r="B75" s="749"/>
      <c r="C75" s="749"/>
      <c r="D75" s="749"/>
      <c r="E75" s="617"/>
    </row>
    <row r="76" spans="1:6" s="73" customFormat="1" ht="11.25" customHeight="1" x14ac:dyDescent="0.2">
      <c r="A76" s="152" t="s">
        <v>317</v>
      </c>
      <c r="B76" s="803"/>
      <c r="C76" s="803"/>
      <c r="D76" s="803"/>
      <c r="E76" s="368"/>
    </row>
    <row r="77" spans="1:6" ht="11.25" customHeight="1" x14ac:dyDescent="0.2">
      <c r="A77" s="25" t="s">
        <v>6</v>
      </c>
      <c r="B77" s="749"/>
      <c r="C77" s="749">
        <v>1503100874.5247245</v>
      </c>
      <c r="D77" s="749">
        <v>1568471793.5691123</v>
      </c>
      <c r="E77" s="617">
        <v>1434661374.765862</v>
      </c>
      <c r="F77" s="810"/>
    </row>
    <row r="78" spans="1:6" ht="11.25" customHeight="1" x14ac:dyDescent="0.2">
      <c r="A78" s="25" t="s">
        <v>7</v>
      </c>
      <c r="B78" s="749"/>
      <c r="C78" s="749">
        <v>2510512825.9054599</v>
      </c>
      <c r="D78" s="749">
        <v>2785094037.0479689</v>
      </c>
      <c r="E78" s="617">
        <v>2589432014.4364748</v>
      </c>
    </row>
    <row r="79" spans="1:6" ht="11.25" customHeight="1" x14ac:dyDescent="0.2">
      <c r="A79" s="25" t="s">
        <v>104</v>
      </c>
      <c r="B79" s="749"/>
      <c r="C79" s="749">
        <v>-1007411951.3807353</v>
      </c>
      <c r="D79" s="749">
        <v>-1216622243.4788563</v>
      </c>
      <c r="E79" s="617">
        <v>-1154770639.6706128</v>
      </c>
    </row>
    <row r="80" spans="1:6" ht="21" customHeight="1" x14ac:dyDescent="0.2">
      <c r="A80" s="40" t="s">
        <v>306</v>
      </c>
      <c r="B80" s="873" t="s">
        <v>297</v>
      </c>
      <c r="C80" s="875"/>
      <c r="D80" s="873" t="s">
        <v>298</v>
      </c>
      <c r="E80" s="874"/>
    </row>
    <row r="81" spans="1:21" ht="11.25" customHeight="1" x14ac:dyDescent="0.2">
      <c r="A81" s="25" t="s">
        <v>307</v>
      </c>
      <c r="B81" s="1268">
        <v>2430242.13</v>
      </c>
      <c r="C81" s="1269"/>
      <c r="D81" s="1268">
        <v>5221757.87</v>
      </c>
      <c r="E81" s="1269"/>
    </row>
    <row r="82" spans="1:21" ht="11.25" customHeight="1" x14ac:dyDescent="0.2">
      <c r="A82" s="76" t="s">
        <v>308</v>
      </c>
      <c r="B82" s="1270">
        <v>206500</v>
      </c>
      <c r="C82" s="1271"/>
      <c r="D82" s="1270">
        <v>8415415</v>
      </c>
      <c r="E82" s="1271"/>
    </row>
    <row r="83" spans="1:21" ht="11.25" customHeight="1" x14ac:dyDescent="0.2">
      <c r="A83" s="75"/>
      <c r="B83" s="75"/>
    </row>
    <row r="84" spans="1:21" ht="15" customHeight="1" x14ac:dyDescent="0.2">
      <c r="A84" s="37"/>
      <c r="B84" s="982" t="s">
        <v>803</v>
      </c>
      <c r="C84" s="873" t="s">
        <v>309</v>
      </c>
      <c r="D84" s="874"/>
      <c r="E84" s="874"/>
    </row>
    <row r="85" spans="1:21" ht="13.5" customHeight="1" x14ac:dyDescent="0.2">
      <c r="A85" s="45" t="s">
        <v>243</v>
      </c>
      <c r="B85" s="1234"/>
      <c r="C85" s="35" t="s">
        <v>279</v>
      </c>
      <c r="D85" s="922" t="s">
        <v>294</v>
      </c>
      <c r="E85" s="923"/>
    </row>
    <row r="86" spans="1:21" ht="12.75" customHeight="1" x14ac:dyDescent="0.2">
      <c r="A86" s="43"/>
      <c r="B86" s="983"/>
      <c r="C86" s="80" t="s">
        <v>295</v>
      </c>
      <c r="D86" s="955"/>
      <c r="E86" s="986"/>
    </row>
    <row r="87" spans="1:21" ht="11.25" customHeight="1" x14ac:dyDescent="0.2">
      <c r="A87" s="317" t="s">
        <v>432</v>
      </c>
      <c r="B87" s="473">
        <v>1145655630.7599998</v>
      </c>
      <c r="C87" s="474">
        <v>12</v>
      </c>
      <c r="D87" s="1272">
        <v>16.796318123895034</v>
      </c>
      <c r="E87" s="1273"/>
    </row>
    <row r="88" spans="1:21" ht="11.25" customHeight="1" x14ac:dyDescent="0.2">
      <c r="A88" s="26"/>
      <c r="B88" s="26"/>
      <c r="C88" s="84"/>
      <c r="D88" s="26"/>
      <c r="E88" s="26"/>
    </row>
    <row r="89" spans="1:21" ht="21.75" customHeight="1" x14ac:dyDescent="0.2">
      <c r="A89" s="4" t="s">
        <v>81</v>
      </c>
      <c r="B89" s="873" t="s">
        <v>80</v>
      </c>
      <c r="C89" s="874"/>
      <c r="D89" s="874"/>
      <c r="E89" s="874"/>
    </row>
    <row r="90" spans="1:21" ht="15" customHeight="1" x14ac:dyDescent="0.2">
      <c r="A90" s="316" t="s">
        <v>210</v>
      </c>
      <c r="B90" s="1219">
        <v>0</v>
      </c>
      <c r="C90" s="1220"/>
      <c r="D90" s="1220"/>
      <c r="E90" s="1220"/>
    </row>
    <row r="91" spans="1:21" ht="10.5" x14ac:dyDescent="0.2">
      <c r="A91" s="194" t="s">
        <v>863</v>
      </c>
      <c r="B91" s="194"/>
      <c r="C91" s="194"/>
      <c r="D91" s="194"/>
      <c r="E91" s="321"/>
      <c r="F91" s="19"/>
      <c r="G91" s="19"/>
      <c r="H91" s="19"/>
      <c r="I91" s="19"/>
      <c r="J91" s="19"/>
      <c r="K91" s="19"/>
      <c r="L91" s="19"/>
      <c r="M91" s="19"/>
      <c r="N91" s="19"/>
      <c r="O91" s="19"/>
      <c r="P91" s="19"/>
      <c r="Q91" s="19"/>
      <c r="R91" s="19"/>
      <c r="S91" s="19"/>
      <c r="T91" s="19"/>
      <c r="U91" s="19"/>
    </row>
    <row r="92" spans="1:21" ht="11.25" customHeight="1" x14ac:dyDescent="0.2">
      <c r="A92" s="22"/>
    </row>
    <row r="94" spans="1:21" s="289" customFormat="1" ht="11.25" customHeight="1" x14ac:dyDescent="0.2">
      <c r="C94" s="74"/>
    </row>
    <row r="95" spans="1:21" s="289" customFormat="1" ht="11.25" customHeight="1" x14ac:dyDescent="0.2">
      <c r="C95" s="74"/>
    </row>
    <row r="101" s="50" customFormat="1" ht="11.25" customHeight="1" x14ac:dyDescent="0.2"/>
    <row r="102" s="50" customFormat="1" ht="11.25" customHeight="1" x14ac:dyDescent="0.2"/>
    <row r="103" s="50" customFormat="1" ht="11.25" customHeight="1" x14ac:dyDescent="0.2"/>
    <row r="104" s="50" customFormat="1" ht="11.25" customHeight="1" x14ac:dyDescent="0.2"/>
    <row r="105" s="50" customFormat="1" ht="11.25" customHeight="1" x14ac:dyDescent="0.2"/>
    <row r="106" s="50" customFormat="1" ht="11.25" customHeight="1" x14ac:dyDescent="0.2"/>
    <row r="107" s="50" customFormat="1" ht="11.25" customHeight="1" x14ac:dyDescent="0.2"/>
  </sheetData>
  <customSheetViews>
    <customSheetView guid="{6DBFA32C-4AA4-4E1D-9A48-697377C64CC3}" showPageBreaks="1" showGridLines="0" fitToPage="1" printArea="1">
      <selection activeCell="B17" sqref="B17:E17"/>
      <pageMargins left="0.19685039370078741" right="0.19685039370078741" top="0.39370078740157483" bottom="0.39370078740157483" header="0" footer="0"/>
      <printOptions horizontalCentered="1"/>
      <pageSetup paperSize="9" scale="58" orientation="portrait" r:id="rId1"/>
      <headerFooter alignWithMargins="0"/>
    </customSheetView>
    <customSheetView guid="{25EF1E0D-169B-4051-B414-7E1196FC05E4}" showPageBreaks="1" showGridLines="0" fitToPage="1" printArea="1">
      <selection activeCell="B17" sqref="B17:E17"/>
      <pageMargins left="0.19685039370078741" right="0.19685039370078741" top="0.19685039370078741" bottom="0.19685039370078741" header="0" footer="0"/>
      <printOptions horizontalCentered="1"/>
      <pageSetup paperSize="9" scale="57" orientation="portrait" r:id="rId2"/>
      <headerFooter alignWithMargins="0"/>
    </customSheetView>
    <customSheetView guid="{82EDB5A4-4824-4632-A540-7A52C92F04C7}" showPageBreaks="1" showGridLines="0" fitToPage="1" printArea="1">
      <selection activeCell="B17" sqref="B17:E17"/>
      <pageMargins left="0.19685039370078741" right="0.19685039370078741" top="0.39370078740157483" bottom="0.39370078740157483" header="0" footer="0"/>
      <printOptions horizontalCentered="1"/>
      <pageSetup paperSize="9" scale="58" orientation="portrait" r:id="rId3"/>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4"/>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5"/>
      <headerFooter alignWithMargins="0"/>
    </customSheetView>
    <customSheetView guid="{3AAF6A5F-F9AA-430B-9AD9-1261ECDF41B5}" showPageBreaks="1" showGridLines="0" fitToPage="1" printArea="1" topLeftCell="A85">
      <selection activeCell="C111" sqref="C111"/>
      <pageMargins left="0.19685039370078741" right="0.19685039370078741" top="0.59055118110236227" bottom="0.19685039370078741" header="0" footer="0"/>
      <printOptions horizontalCentered="1"/>
      <pageSetup paperSize="9" scale="57" orientation="portrait" r:id="rId6"/>
      <headerFooter alignWithMargins="0"/>
    </customSheetView>
    <customSheetView guid="{C779D862-DE28-46CD-A428-4AAA1056D1E1}" showGridLines="0" fitToPage="1" topLeftCell="A65">
      <selection activeCell="F77" sqref="F77"/>
      <pageMargins left="0.19685039370078741" right="0.19685039370078741" top="0.59055118110236227" bottom="0.19685039370078741" header="0" footer="0"/>
      <printOptions horizontalCentered="1"/>
      <pageSetup paperSize="9" scale="57" orientation="portrait" r:id="rId7"/>
      <headerFooter alignWithMargins="0"/>
    </customSheetView>
  </customSheetViews>
  <mergeCells count="65">
    <mergeCell ref="B68:C68"/>
    <mergeCell ref="D68:E68"/>
    <mergeCell ref="D62:E62"/>
    <mergeCell ref="B80:C80"/>
    <mergeCell ref="D80:E80"/>
    <mergeCell ref="D69:E69"/>
    <mergeCell ref="D70:E70"/>
    <mergeCell ref="B69:C69"/>
    <mergeCell ref="B70:C70"/>
    <mergeCell ref="B12:E12"/>
    <mergeCell ref="B13:E13"/>
    <mergeCell ref="B14:E14"/>
    <mergeCell ref="B15:E15"/>
    <mergeCell ref="B48:B49"/>
    <mergeCell ref="B16:E16"/>
    <mergeCell ref="D41:E42"/>
    <mergeCell ref="B23:E23"/>
    <mergeCell ref="B38:E38"/>
    <mergeCell ref="B33:E33"/>
    <mergeCell ref="B29:E29"/>
    <mergeCell ref="B39:E39"/>
    <mergeCell ref="B34:E34"/>
    <mergeCell ref="B35:E35"/>
    <mergeCell ref="B36:E36"/>
    <mergeCell ref="B37:E37"/>
    <mergeCell ref="A48:A49"/>
    <mergeCell ref="A3:E3"/>
    <mergeCell ref="A4:E4"/>
    <mergeCell ref="A5:E5"/>
    <mergeCell ref="A6:E6"/>
    <mergeCell ref="B10:E10"/>
    <mergeCell ref="B25:E25"/>
    <mergeCell ref="B28:E28"/>
    <mergeCell ref="B31:E31"/>
    <mergeCell ref="B22:E22"/>
    <mergeCell ref="B24:E24"/>
    <mergeCell ref="B26:E26"/>
    <mergeCell ref="B27:E27"/>
    <mergeCell ref="B32:E32"/>
    <mergeCell ref="B11:E11"/>
    <mergeCell ref="A7:E7"/>
    <mergeCell ref="B17:E17"/>
    <mergeCell ref="B18:E18"/>
    <mergeCell ref="B19:E19"/>
    <mergeCell ref="B20:E20"/>
    <mergeCell ref="B21:E21"/>
    <mergeCell ref="C43:C44"/>
    <mergeCell ref="D64:E64"/>
    <mergeCell ref="D65:E65"/>
    <mergeCell ref="D66:E66"/>
    <mergeCell ref="D67:E67"/>
    <mergeCell ref="C61:E61"/>
    <mergeCell ref="D43:E44"/>
    <mergeCell ref="D45:E45"/>
    <mergeCell ref="D46:E46"/>
    <mergeCell ref="B81:C81"/>
    <mergeCell ref="D81:E81"/>
    <mergeCell ref="D82:E82"/>
    <mergeCell ref="B82:C82"/>
    <mergeCell ref="D87:E87"/>
    <mergeCell ref="B90:E90"/>
    <mergeCell ref="B84:B86"/>
    <mergeCell ref="D85:E86"/>
    <mergeCell ref="B89:E89"/>
    <mergeCell ref="C84:E84"/>
  </mergeCells>
  <phoneticPr fontId="0" type="noConversion"/>
  <printOptions horizontalCentered="1"/>
  <pageMargins left="0.19685039370078741" right="0.19685039370078741" top="0.59055118110236227" bottom="0.19685039370078741" header="0" footer="0"/>
  <pageSetup paperSize="9" scale="56" orientation="portrait" r:id="rId8"/>
  <headerFooter alignWithMargins="0"/>
  <drawing r:id="rId9"/>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N94"/>
  <sheetViews>
    <sheetView showGridLines="0" zoomScaleNormal="100" workbookViewId="0">
      <selection activeCell="B14" sqref="B14:C14"/>
    </sheetView>
  </sheetViews>
  <sheetFormatPr defaultRowHeight="11.25" customHeight="1" x14ac:dyDescent="0.2"/>
  <cols>
    <col min="1" max="1" width="57.42578125" style="50" customWidth="1"/>
    <col min="2" max="2" width="17.140625" style="50" customWidth="1"/>
    <col min="3" max="3" width="19.28515625" style="50" customWidth="1"/>
    <col min="4" max="4" width="17.28515625" style="50" bestFit="1" customWidth="1"/>
    <col min="5" max="5" width="18.42578125" style="50" bestFit="1" customWidth="1"/>
    <col min="6" max="6" width="16.85546875" style="50" customWidth="1"/>
    <col min="7" max="7" width="16.7109375" style="50" customWidth="1"/>
    <col min="8" max="8" width="18.42578125" style="50" bestFit="1" customWidth="1"/>
    <col min="9" max="9" width="17.28515625" style="50" bestFit="1" customWidth="1"/>
    <col min="10" max="10" width="18.5703125" style="50" customWidth="1"/>
    <col min="11" max="11" width="8" style="50" bestFit="1" customWidth="1"/>
    <col min="12" max="12" width="19" style="50" bestFit="1" customWidth="1"/>
    <col min="13" max="13" width="13.85546875" style="50" customWidth="1"/>
    <col min="14" max="14" width="18.5703125" style="50" customWidth="1"/>
    <col min="15" max="15" width="6.5703125" style="50" customWidth="1"/>
    <col min="16" max="17" width="15.42578125" style="50" customWidth="1"/>
    <col min="18" max="18" width="22" style="50" customWidth="1"/>
    <col min="19" max="19" width="13.42578125" style="50" customWidth="1"/>
    <col min="20" max="16384" width="9.140625" style="50"/>
  </cols>
  <sheetData>
    <row r="1" spans="1:14" s="27" customFormat="1" ht="10.5" x14ac:dyDescent="0.2">
      <c r="A1" s="318"/>
      <c r="B1" s="318"/>
      <c r="C1" s="318"/>
      <c r="D1" s="318"/>
      <c r="E1" s="318"/>
      <c r="F1" s="318"/>
      <c r="G1" s="318"/>
      <c r="H1" s="318"/>
      <c r="I1" s="318"/>
      <c r="J1" s="318"/>
      <c r="K1" s="318"/>
      <c r="L1" s="318"/>
    </row>
    <row r="2" spans="1:14" s="27" customFormat="1" ht="10.5" x14ac:dyDescent="0.2">
      <c r="A2" s="899"/>
      <c r="B2" s="899"/>
      <c r="C2" s="899"/>
      <c r="D2" s="899"/>
      <c r="E2" s="899"/>
      <c r="F2" s="899"/>
      <c r="G2" s="899"/>
      <c r="H2" s="899"/>
      <c r="I2" s="899"/>
      <c r="J2" s="899"/>
      <c r="K2" s="899"/>
      <c r="L2" s="899"/>
    </row>
    <row r="3" spans="1:14" ht="10.5" x14ac:dyDescent="0.2">
      <c r="A3" s="864" t="s">
        <v>641</v>
      </c>
      <c r="B3" s="864"/>
      <c r="C3" s="864"/>
      <c r="D3" s="864"/>
      <c r="E3" s="864"/>
      <c r="F3" s="864"/>
      <c r="G3" s="864"/>
      <c r="H3" s="864"/>
      <c r="I3" s="864"/>
      <c r="J3" s="864"/>
      <c r="K3" s="864"/>
      <c r="L3" s="864"/>
    </row>
    <row r="4" spans="1:14" ht="10.5" x14ac:dyDescent="0.2">
      <c r="A4" s="864" t="s">
        <v>105</v>
      </c>
      <c r="B4" s="864"/>
      <c r="C4" s="864"/>
      <c r="D4" s="864"/>
      <c r="E4" s="864"/>
      <c r="F4" s="864"/>
      <c r="G4" s="864"/>
      <c r="H4" s="864"/>
      <c r="I4" s="864"/>
      <c r="J4" s="864"/>
      <c r="K4" s="864"/>
      <c r="L4" s="864"/>
    </row>
    <row r="5" spans="1:14" ht="10.5" x14ac:dyDescent="0.2">
      <c r="A5" s="864" t="s">
        <v>106</v>
      </c>
      <c r="B5" s="864"/>
      <c r="C5" s="864"/>
      <c r="D5" s="864"/>
      <c r="E5" s="864"/>
      <c r="F5" s="864"/>
      <c r="G5" s="864"/>
      <c r="H5" s="864"/>
      <c r="I5" s="864"/>
      <c r="J5" s="864"/>
      <c r="K5" s="864"/>
      <c r="L5" s="864"/>
    </row>
    <row r="6" spans="1:14" ht="10.5" x14ac:dyDescent="0.2">
      <c r="A6" s="864" t="s">
        <v>107</v>
      </c>
      <c r="B6" s="864"/>
      <c r="C6" s="864"/>
      <c r="D6" s="864"/>
      <c r="E6" s="864"/>
      <c r="F6" s="864"/>
      <c r="G6" s="864"/>
      <c r="H6" s="864"/>
      <c r="I6" s="864"/>
      <c r="J6" s="864"/>
      <c r="K6" s="864"/>
      <c r="L6" s="864"/>
    </row>
    <row r="7" spans="1:14" ht="10.5" x14ac:dyDescent="0.2">
      <c r="A7" s="864" t="s">
        <v>881</v>
      </c>
      <c r="B7" s="864"/>
      <c r="C7" s="864"/>
      <c r="D7" s="864"/>
      <c r="E7" s="864"/>
      <c r="F7" s="864"/>
      <c r="G7" s="864"/>
      <c r="H7" s="864"/>
      <c r="I7" s="864"/>
      <c r="J7" s="864"/>
      <c r="K7" s="864"/>
      <c r="L7" s="864"/>
    </row>
    <row r="8" spans="1:14" s="27" customFormat="1" ht="10.5" x14ac:dyDescent="0.2">
      <c r="A8" s="51"/>
      <c r="B8" s="51"/>
      <c r="C8" s="51"/>
      <c r="D8" s="558"/>
      <c r="E8" s="558"/>
      <c r="F8" s="51"/>
      <c r="G8" s="51"/>
      <c r="H8" s="51"/>
      <c r="I8" s="51"/>
      <c r="J8" s="51"/>
      <c r="K8" s="51"/>
    </row>
    <row r="9" spans="1:14" s="27" customFormat="1" ht="9.75" customHeight="1" x14ac:dyDescent="0.2">
      <c r="A9" s="27" t="s">
        <v>864</v>
      </c>
      <c r="B9" s="122"/>
      <c r="D9" s="334"/>
      <c r="E9" s="334"/>
      <c r="H9" s="141"/>
      <c r="I9" s="51"/>
      <c r="J9" s="141"/>
      <c r="L9" s="238">
        <v>1</v>
      </c>
    </row>
    <row r="10" spans="1:14" ht="10.5" x14ac:dyDescent="0.2">
      <c r="A10" s="868" t="s">
        <v>539</v>
      </c>
      <c r="B10" s="869" t="s">
        <v>429</v>
      </c>
      <c r="C10" s="877"/>
      <c r="D10" s="902" t="s">
        <v>235</v>
      </c>
      <c r="E10" s="903"/>
      <c r="F10" s="873" t="s">
        <v>109</v>
      </c>
      <c r="G10" s="874"/>
      <c r="H10" s="874"/>
      <c r="I10" s="874"/>
      <c r="J10" s="874"/>
      <c r="K10" s="875"/>
      <c r="L10" s="906" t="s">
        <v>161</v>
      </c>
    </row>
    <row r="11" spans="1:14" ht="10.5" x14ac:dyDescent="0.15">
      <c r="A11" s="900"/>
      <c r="B11" s="878"/>
      <c r="C11" s="879"/>
      <c r="D11" s="904"/>
      <c r="E11" s="905"/>
      <c r="F11" s="906" t="s">
        <v>113</v>
      </c>
      <c r="G11" s="908"/>
      <c r="H11" s="563" t="s">
        <v>114</v>
      </c>
      <c r="I11" s="867" t="s">
        <v>115</v>
      </c>
      <c r="J11" s="868"/>
      <c r="K11" s="564" t="s">
        <v>114</v>
      </c>
      <c r="L11" s="907"/>
    </row>
    <row r="12" spans="1:14" ht="10.5" x14ac:dyDescent="0.2">
      <c r="A12" s="901"/>
      <c r="B12" s="880"/>
      <c r="C12" s="881"/>
      <c r="D12" s="865" t="s">
        <v>116</v>
      </c>
      <c r="E12" s="866"/>
      <c r="F12" s="865" t="s">
        <v>117</v>
      </c>
      <c r="G12" s="866"/>
      <c r="H12" s="510" t="s">
        <v>118</v>
      </c>
      <c r="I12" s="865" t="s">
        <v>152</v>
      </c>
      <c r="J12" s="866"/>
      <c r="K12" s="561" t="s">
        <v>153</v>
      </c>
      <c r="L12" s="561" t="s">
        <v>154</v>
      </c>
    </row>
    <row r="13" spans="1:14" ht="10.5" x14ac:dyDescent="0.2">
      <c r="A13" s="156" t="s">
        <v>865</v>
      </c>
      <c r="B13" s="911">
        <v>1179764000</v>
      </c>
      <c r="C13" s="912"/>
      <c r="D13" s="911">
        <v>2177363772.4000001</v>
      </c>
      <c r="E13" s="912"/>
      <c r="F13" s="911">
        <v>975340095.68999994</v>
      </c>
      <c r="G13" s="912"/>
      <c r="H13" s="636">
        <v>44.794540446263184</v>
      </c>
      <c r="I13" s="911">
        <v>1908011967.1300001</v>
      </c>
      <c r="J13" s="912"/>
      <c r="K13" s="565">
        <v>87.629453163303666</v>
      </c>
      <c r="L13" s="566">
        <v>269351805.26999998</v>
      </c>
    </row>
    <row r="14" spans="1:14" ht="10.5" x14ac:dyDescent="0.2">
      <c r="A14" s="157" t="s">
        <v>8</v>
      </c>
      <c r="B14" s="913">
        <v>1179764000</v>
      </c>
      <c r="C14" s="914"/>
      <c r="D14" s="913">
        <v>2177363772.4000001</v>
      </c>
      <c r="E14" s="914"/>
      <c r="F14" s="913">
        <v>975340095.68999994</v>
      </c>
      <c r="G14" s="914"/>
      <c r="H14" s="638">
        <v>44.794540446263184</v>
      </c>
      <c r="I14" s="913">
        <v>1908011967.1300001</v>
      </c>
      <c r="J14" s="914"/>
      <c r="K14" s="565">
        <v>87.629453163303666</v>
      </c>
      <c r="L14" s="566">
        <v>269351805.26999998</v>
      </c>
    </row>
    <row r="15" spans="1:14" ht="10.5" x14ac:dyDescent="0.2">
      <c r="A15" s="157" t="s">
        <v>9</v>
      </c>
      <c r="B15" s="909">
        <v>0</v>
      </c>
      <c r="C15" s="910"/>
      <c r="D15" s="909">
        <v>0</v>
      </c>
      <c r="E15" s="910"/>
      <c r="F15" s="909">
        <v>0</v>
      </c>
      <c r="G15" s="910"/>
      <c r="H15" s="567">
        <v>0</v>
      </c>
      <c r="I15" s="909">
        <v>0</v>
      </c>
      <c r="J15" s="910"/>
      <c r="K15" s="567">
        <v>0</v>
      </c>
      <c r="L15" s="568">
        <v>0</v>
      </c>
      <c r="M15" s="29"/>
      <c r="N15" s="63"/>
    </row>
    <row r="16" spans="1:14" ht="10.5" x14ac:dyDescent="0.2">
      <c r="A16" s="30" t="s">
        <v>10</v>
      </c>
      <c r="B16" s="909">
        <v>0</v>
      </c>
      <c r="C16" s="910"/>
      <c r="D16" s="909">
        <v>0</v>
      </c>
      <c r="E16" s="910"/>
      <c r="F16" s="909">
        <v>0</v>
      </c>
      <c r="G16" s="910"/>
      <c r="H16" s="567">
        <v>0</v>
      </c>
      <c r="I16" s="909">
        <v>0</v>
      </c>
      <c r="J16" s="910"/>
      <c r="K16" s="567">
        <v>0</v>
      </c>
      <c r="L16" s="568">
        <v>0</v>
      </c>
    </row>
    <row r="17" spans="1:14" ht="10.5" x14ac:dyDescent="0.2">
      <c r="A17" s="30" t="s">
        <v>11</v>
      </c>
      <c r="B17" s="909">
        <v>0</v>
      </c>
      <c r="C17" s="910"/>
      <c r="D17" s="909">
        <v>0</v>
      </c>
      <c r="E17" s="910"/>
      <c r="F17" s="909">
        <v>0</v>
      </c>
      <c r="G17" s="910"/>
      <c r="H17" s="567">
        <v>0</v>
      </c>
      <c r="I17" s="909">
        <v>0</v>
      </c>
      <c r="J17" s="910"/>
      <c r="K17" s="567">
        <v>0</v>
      </c>
      <c r="L17" s="568">
        <v>0</v>
      </c>
    </row>
    <row r="18" spans="1:14" ht="10.5" x14ac:dyDescent="0.2">
      <c r="A18" s="30" t="s">
        <v>12</v>
      </c>
      <c r="B18" s="909">
        <v>0</v>
      </c>
      <c r="C18" s="910"/>
      <c r="D18" s="909">
        <v>0</v>
      </c>
      <c r="E18" s="910"/>
      <c r="F18" s="909">
        <v>0</v>
      </c>
      <c r="G18" s="910"/>
      <c r="H18" s="567">
        <v>0</v>
      </c>
      <c r="I18" s="909">
        <v>0</v>
      </c>
      <c r="J18" s="910"/>
      <c r="K18" s="567">
        <v>0</v>
      </c>
      <c r="L18" s="568">
        <v>0</v>
      </c>
    </row>
    <row r="19" spans="1:14" ht="10.5" x14ac:dyDescent="0.2">
      <c r="A19" s="157" t="s">
        <v>13</v>
      </c>
      <c r="B19" s="909">
        <v>1179742000</v>
      </c>
      <c r="C19" s="910"/>
      <c r="D19" s="909">
        <v>1179742000</v>
      </c>
      <c r="E19" s="910"/>
      <c r="F19" s="909">
        <v>236085900.62</v>
      </c>
      <c r="G19" s="910"/>
      <c r="H19" s="567">
        <v>20.011655143243186</v>
      </c>
      <c r="I19" s="909">
        <v>910412194.73000002</v>
      </c>
      <c r="J19" s="910"/>
      <c r="K19" s="567">
        <v>77.170448685390539</v>
      </c>
      <c r="L19" s="568">
        <v>269329805.26999998</v>
      </c>
      <c r="M19" s="63"/>
      <c r="N19" s="63"/>
    </row>
    <row r="20" spans="1:14" ht="10.5" x14ac:dyDescent="0.2">
      <c r="A20" s="30" t="s">
        <v>14</v>
      </c>
      <c r="B20" s="909">
        <v>1179742000</v>
      </c>
      <c r="C20" s="910"/>
      <c r="D20" s="909">
        <v>1179742000</v>
      </c>
      <c r="E20" s="910"/>
      <c r="F20" s="909">
        <v>236085900.62</v>
      </c>
      <c r="G20" s="910"/>
      <c r="H20" s="567">
        <v>20.011655143243186</v>
      </c>
      <c r="I20" s="909">
        <v>910412194.73000002</v>
      </c>
      <c r="J20" s="910"/>
      <c r="K20" s="567">
        <v>77.170448685390539</v>
      </c>
      <c r="L20" s="568">
        <v>269329805.26999998</v>
      </c>
    </row>
    <row r="21" spans="1:14" ht="10.5" x14ac:dyDescent="0.2">
      <c r="A21" s="30" t="s">
        <v>357</v>
      </c>
      <c r="B21" s="909">
        <v>0</v>
      </c>
      <c r="C21" s="910"/>
      <c r="D21" s="909">
        <v>0</v>
      </c>
      <c r="E21" s="910"/>
      <c r="F21" s="909">
        <v>0</v>
      </c>
      <c r="G21" s="910"/>
      <c r="H21" s="567">
        <v>0</v>
      </c>
      <c r="I21" s="909">
        <v>0</v>
      </c>
      <c r="J21" s="910"/>
      <c r="K21" s="567">
        <v>0</v>
      </c>
      <c r="L21" s="568">
        <v>0</v>
      </c>
    </row>
    <row r="22" spans="1:14" ht="10.5" x14ac:dyDescent="0.2">
      <c r="A22" s="30" t="s">
        <v>358</v>
      </c>
      <c r="B22" s="909">
        <v>0</v>
      </c>
      <c r="C22" s="910"/>
      <c r="D22" s="909">
        <v>0</v>
      </c>
      <c r="E22" s="910"/>
      <c r="F22" s="909">
        <v>0</v>
      </c>
      <c r="G22" s="910"/>
      <c r="H22" s="567">
        <v>0</v>
      </c>
      <c r="I22" s="909">
        <v>0</v>
      </c>
      <c r="J22" s="910"/>
      <c r="K22" s="567">
        <v>0</v>
      </c>
      <c r="L22" s="568">
        <v>0</v>
      </c>
    </row>
    <row r="23" spans="1:14" ht="10.5" x14ac:dyDescent="0.2">
      <c r="A23" s="157" t="s">
        <v>15</v>
      </c>
      <c r="B23" s="909">
        <v>0</v>
      </c>
      <c r="C23" s="910"/>
      <c r="D23" s="909">
        <v>0</v>
      </c>
      <c r="E23" s="910"/>
      <c r="F23" s="909">
        <v>0</v>
      </c>
      <c r="G23" s="910"/>
      <c r="H23" s="567">
        <v>0</v>
      </c>
      <c r="I23" s="909">
        <v>0</v>
      </c>
      <c r="J23" s="910"/>
      <c r="K23" s="567">
        <v>0</v>
      </c>
      <c r="L23" s="568">
        <v>0</v>
      </c>
    </row>
    <row r="24" spans="1:14" ht="10.5" x14ac:dyDescent="0.2">
      <c r="A24" s="30" t="s">
        <v>16</v>
      </c>
      <c r="B24" s="909">
        <v>0</v>
      </c>
      <c r="C24" s="910"/>
      <c r="D24" s="909">
        <v>0</v>
      </c>
      <c r="E24" s="910"/>
      <c r="F24" s="909">
        <v>0</v>
      </c>
      <c r="G24" s="910"/>
      <c r="H24" s="567">
        <v>0</v>
      </c>
      <c r="I24" s="909">
        <v>0</v>
      </c>
      <c r="J24" s="910"/>
      <c r="K24" s="567">
        <v>0</v>
      </c>
      <c r="L24" s="568">
        <v>0</v>
      </c>
    </row>
    <row r="25" spans="1:14" ht="10.5" x14ac:dyDescent="0.2">
      <c r="A25" s="30" t="s">
        <v>17</v>
      </c>
      <c r="B25" s="909">
        <v>0</v>
      </c>
      <c r="C25" s="910"/>
      <c r="D25" s="909">
        <v>0</v>
      </c>
      <c r="E25" s="910"/>
      <c r="F25" s="909">
        <v>0</v>
      </c>
      <c r="G25" s="910"/>
      <c r="H25" s="567">
        <v>0</v>
      </c>
      <c r="I25" s="909">
        <v>0</v>
      </c>
      <c r="J25" s="910"/>
      <c r="K25" s="567">
        <v>0</v>
      </c>
      <c r="L25" s="568">
        <v>0</v>
      </c>
    </row>
    <row r="26" spans="1:14" ht="10.5" x14ac:dyDescent="0.2">
      <c r="A26" s="30" t="s">
        <v>18</v>
      </c>
      <c r="B26" s="909">
        <v>0</v>
      </c>
      <c r="C26" s="910"/>
      <c r="D26" s="909">
        <v>0</v>
      </c>
      <c r="E26" s="910"/>
      <c r="F26" s="909">
        <v>0</v>
      </c>
      <c r="G26" s="910"/>
      <c r="H26" s="567">
        <v>0</v>
      </c>
      <c r="I26" s="909">
        <v>0</v>
      </c>
      <c r="J26" s="910"/>
      <c r="K26" s="567">
        <v>0</v>
      </c>
      <c r="L26" s="568">
        <v>0</v>
      </c>
    </row>
    <row r="27" spans="1:14" ht="10.5" x14ac:dyDescent="0.2">
      <c r="A27" s="30" t="s">
        <v>119</v>
      </c>
      <c r="B27" s="909">
        <v>0</v>
      </c>
      <c r="C27" s="910"/>
      <c r="D27" s="909">
        <v>0</v>
      </c>
      <c r="E27" s="910"/>
      <c r="F27" s="909">
        <v>0</v>
      </c>
      <c r="G27" s="910"/>
      <c r="H27" s="567">
        <v>0</v>
      </c>
      <c r="I27" s="909">
        <v>0</v>
      </c>
      <c r="J27" s="910"/>
      <c r="K27" s="567">
        <v>0</v>
      </c>
      <c r="L27" s="568">
        <v>0</v>
      </c>
    </row>
    <row r="28" spans="1:14" ht="21" x14ac:dyDescent="0.2">
      <c r="A28" s="57" t="s">
        <v>370</v>
      </c>
      <c r="B28" s="909">
        <v>0</v>
      </c>
      <c r="C28" s="910"/>
      <c r="D28" s="909">
        <v>0</v>
      </c>
      <c r="E28" s="910"/>
      <c r="F28" s="909">
        <v>0</v>
      </c>
      <c r="G28" s="910"/>
      <c r="H28" s="567">
        <v>0</v>
      </c>
      <c r="I28" s="909">
        <v>0</v>
      </c>
      <c r="J28" s="910"/>
      <c r="K28" s="567">
        <v>0</v>
      </c>
      <c r="L28" s="568">
        <v>0</v>
      </c>
    </row>
    <row r="29" spans="1:14" ht="10.5" x14ac:dyDescent="0.2">
      <c r="A29" s="57" t="s">
        <v>371</v>
      </c>
      <c r="B29" s="909">
        <v>0</v>
      </c>
      <c r="C29" s="910"/>
      <c r="D29" s="909">
        <v>0</v>
      </c>
      <c r="E29" s="910"/>
      <c r="F29" s="909">
        <v>0</v>
      </c>
      <c r="G29" s="910"/>
      <c r="H29" s="567">
        <v>0</v>
      </c>
      <c r="I29" s="909">
        <v>0</v>
      </c>
      <c r="J29" s="910"/>
      <c r="K29" s="567">
        <v>0</v>
      </c>
      <c r="L29" s="568">
        <v>0</v>
      </c>
    </row>
    <row r="30" spans="1:14" ht="10.5" x14ac:dyDescent="0.2">
      <c r="A30" s="30" t="s">
        <v>19</v>
      </c>
      <c r="B30" s="909">
        <v>0</v>
      </c>
      <c r="C30" s="910"/>
      <c r="D30" s="909">
        <v>0</v>
      </c>
      <c r="E30" s="910"/>
      <c r="F30" s="909">
        <v>0</v>
      </c>
      <c r="G30" s="910"/>
      <c r="H30" s="567">
        <v>0</v>
      </c>
      <c r="I30" s="909">
        <v>0</v>
      </c>
      <c r="J30" s="910"/>
      <c r="K30" s="567">
        <v>0</v>
      </c>
      <c r="L30" s="568">
        <v>0</v>
      </c>
    </row>
    <row r="31" spans="1:14" ht="10.5" x14ac:dyDescent="0.2">
      <c r="A31" s="157" t="s">
        <v>20</v>
      </c>
      <c r="B31" s="909">
        <v>0</v>
      </c>
      <c r="C31" s="910"/>
      <c r="D31" s="909">
        <v>0</v>
      </c>
      <c r="E31" s="910"/>
      <c r="F31" s="909">
        <v>0</v>
      </c>
      <c r="G31" s="910"/>
      <c r="H31" s="567">
        <v>0</v>
      </c>
      <c r="I31" s="909">
        <v>0</v>
      </c>
      <c r="J31" s="910"/>
      <c r="K31" s="567">
        <v>0</v>
      </c>
      <c r="L31" s="568">
        <v>0</v>
      </c>
    </row>
    <row r="32" spans="1:14" ht="10.5" x14ac:dyDescent="0.2">
      <c r="A32" s="30" t="s">
        <v>21</v>
      </c>
      <c r="B32" s="909">
        <v>0</v>
      </c>
      <c r="C32" s="910"/>
      <c r="D32" s="909">
        <v>0</v>
      </c>
      <c r="E32" s="910"/>
      <c r="F32" s="909">
        <v>0</v>
      </c>
      <c r="G32" s="910"/>
      <c r="H32" s="567">
        <v>0</v>
      </c>
      <c r="I32" s="909">
        <v>0</v>
      </c>
      <c r="J32" s="910"/>
      <c r="K32" s="567">
        <v>0</v>
      </c>
      <c r="L32" s="568">
        <v>0</v>
      </c>
    </row>
    <row r="33" spans="1:14" ht="10.5" x14ac:dyDescent="0.2">
      <c r="A33" s="30" t="s">
        <v>22</v>
      </c>
      <c r="B33" s="909">
        <v>0</v>
      </c>
      <c r="C33" s="910"/>
      <c r="D33" s="909">
        <v>0</v>
      </c>
      <c r="E33" s="910"/>
      <c r="F33" s="909">
        <v>0</v>
      </c>
      <c r="G33" s="910"/>
      <c r="H33" s="567">
        <v>0</v>
      </c>
      <c r="I33" s="909">
        <v>0</v>
      </c>
      <c r="J33" s="910"/>
      <c r="K33" s="567">
        <v>0</v>
      </c>
      <c r="L33" s="568">
        <v>0</v>
      </c>
    </row>
    <row r="34" spans="1:14" ht="10.5" x14ac:dyDescent="0.2">
      <c r="A34" s="30" t="s">
        <v>23</v>
      </c>
      <c r="B34" s="909">
        <v>0</v>
      </c>
      <c r="C34" s="910"/>
      <c r="D34" s="909">
        <v>0</v>
      </c>
      <c r="E34" s="910"/>
      <c r="F34" s="909">
        <v>0</v>
      </c>
      <c r="G34" s="910"/>
      <c r="H34" s="567">
        <v>0</v>
      </c>
      <c r="I34" s="909">
        <v>0</v>
      </c>
      <c r="J34" s="910"/>
      <c r="K34" s="567">
        <v>0</v>
      </c>
      <c r="L34" s="568">
        <v>0</v>
      </c>
    </row>
    <row r="35" spans="1:14" ht="10.5" x14ac:dyDescent="0.2">
      <c r="A35" s="157" t="s">
        <v>24</v>
      </c>
      <c r="B35" s="909">
        <v>0</v>
      </c>
      <c r="C35" s="910"/>
      <c r="D35" s="909">
        <v>0</v>
      </c>
      <c r="E35" s="910"/>
      <c r="F35" s="909">
        <v>0</v>
      </c>
      <c r="G35" s="910"/>
      <c r="H35" s="567">
        <v>0</v>
      </c>
      <c r="I35" s="909">
        <v>0</v>
      </c>
      <c r="J35" s="910"/>
      <c r="K35" s="567">
        <v>0</v>
      </c>
      <c r="L35" s="568">
        <v>0</v>
      </c>
    </row>
    <row r="36" spans="1:14" ht="10.5" x14ac:dyDescent="0.2">
      <c r="A36" s="30" t="s">
        <v>372</v>
      </c>
      <c r="B36" s="909">
        <v>0</v>
      </c>
      <c r="C36" s="910"/>
      <c r="D36" s="909">
        <v>0</v>
      </c>
      <c r="E36" s="910"/>
      <c r="F36" s="909">
        <v>0</v>
      </c>
      <c r="G36" s="910"/>
      <c r="H36" s="567">
        <v>0</v>
      </c>
      <c r="I36" s="909">
        <v>0</v>
      </c>
      <c r="J36" s="910"/>
      <c r="K36" s="567">
        <v>0</v>
      </c>
      <c r="L36" s="568">
        <v>0</v>
      </c>
    </row>
    <row r="37" spans="1:14" ht="10.5" x14ac:dyDescent="0.2">
      <c r="A37" s="30" t="s">
        <v>25</v>
      </c>
      <c r="B37" s="909">
        <v>0</v>
      </c>
      <c r="C37" s="910"/>
      <c r="D37" s="909">
        <v>0</v>
      </c>
      <c r="E37" s="910"/>
      <c r="F37" s="909">
        <v>0</v>
      </c>
      <c r="G37" s="910"/>
      <c r="H37" s="567">
        <v>0</v>
      </c>
      <c r="I37" s="909">
        <v>0</v>
      </c>
      <c r="J37" s="910"/>
      <c r="K37" s="567">
        <v>0</v>
      </c>
      <c r="L37" s="568">
        <v>0</v>
      </c>
    </row>
    <row r="38" spans="1:14" ht="10.5" x14ac:dyDescent="0.2">
      <c r="A38" s="30" t="s">
        <v>26</v>
      </c>
      <c r="B38" s="909">
        <v>0</v>
      </c>
      <c r="C38" s="910"/>
      <c r="D38" s="909">
        <v>0</v>
      </c>
      <c r="E38" s="910"/>
      <c r="F38" s="909">
        <v>0</v>
      </c>
      <c r="G38" s="910"/>
      <c r="H38" s="567">
        <v>0</v>
      </c>
      <c r="I38" s="909">
        <v>0</v>
      </c>
      <c r="J38" s="910"/>
      <c r="K38" s="567">
        <v>0</v>
      </c>
      <c r="L38" s="568">
        <v>0</v>
      </c>
    </row>
    <row r="39" spans="1:14" ht="10.5" x14ac:dyDescent="0.2">
      <c r="A39" s="58" t="s">
        <v>27</v>
      </c>
      <c r="B39" s="909">
        <v>0</v>
      </c>
      <c r="C39" s="910"/>
      <c r="D39" s="909">
        <v>0</v>
      </c>
      <c r="E39" s="910"/>
      <c r="F39" s="909">
        <v>0</v>
      </c>
      <c r="G39" s="910"/>
      <c r="H39" s="567">
        <v>0</v>
      </c>
      <c r="I39" s="909">
        <v>0</v>
      </c>
      <c r="J39" s="910"/>
      <c r="K39" s="567">
        <v>0</v>
      </c>
      <c r="L39" s="568">
        <v>0</v>
      </c>
    </row>
    <row r="40" spans="1:14" ht="10.5" x14ac:dyDescent="0.2">
      <c r="A40" s="157" t="s">
        <v>28</v>
      </c>
      <c r="B40" s="909">
        <v>3000</v>
      </c>
      <c r="C40" s="910"/>
      <c r="D40" s="909">
        <v>3000</v>
      </c>
      <c r="E40" s="910"/>
      <c r="F40" s="909">
        <v>0</v>
      </c>
      <c r="G40" s="910"/>
      <c r="H40" s="567">
        <v>0</v>
      </c>
      <c r="I40" s="909">
        <v>0</v>
      </c>
      <c r="J40" s="910"/>
      <c r="K40" s="567">
        <v>0</v>
      </c>
      <c r="L40" s="568">
        <v>3000</v>
      </c>
    </row>
    <row r="41" spans="1:14" ht="10.5" x14ac:dyDescent="0.2">
      <c r="A41" s="157" t="s">
        <v>29</v>
      </c>
      <c r="B41" s="909">
        <v>0</v>
      </c>
      <c r="C41" s="910"/>
      <c r="D41" s="909">
        <v>0</v>
      </c>
      <c r="E41" s="910"/>
      <c r="F41" s="909">
        <v>0</v>
      </c>
      <c r="G41" s="910"/>
      <c r="H41" s="567">
        <v>0</v>
      </c>
      <c r="I41" s="909">
        <v>0</v>
      </c>
      <c r="J41" s="910"/>
      <c r="K41" s="567">
        <v>0</v>
      </c>
      <c r="L41" s="568">
        <v>0</v>
      </c>
      <c r="M41" s="63"/>
      <c r="N41" s="63"/>
    </row>
    <row r="42" spans="1:14" ht="10.5" x14ac:dyDescent="0.2">
      <c r="A42" s="30" t="s">
        <v>30</v>
      </c>
      <c r="B42" s="909">
        <v>0</v>
      </c>
      <c r="C42" s="910"/>
      <c r="D42" s="909">
        <v>0</v>
      </c>
      <c r="E42" s="910"/>
      <c r="F42" s="909">
        <v>0</v>
      </c>
      <c r="G42" s="910"/>
      <c r="H42" s="567">
        <v>0</v>
      </c>
      <c r="I42" s="909">
        <v>0</v>
      </c>
      <c r="J42" s="910"/>
      <c r="K42" s="567">
        <v>0</v>
      </c>
      <c r="L42" s="568">
        <v>0</v>
      </c>
    </row>
    <row r="43" spans="1:14" ht="10.5" x14ac:dyDescent="0.2">
      <c r="A43" s="30" t="s">
        <v>31</v>
      </c>
      <c r="B43" s="909">
        <v>0</v>
      </c>
      <c r="C43" s="910"/>
      <c r="D43" s="909">
        <v>0</v>
      </c>
      <c r="E43" s="910"/>
      <c r="F43" s="909">
        <v>0</v>
      </c>
      <c r="G43" s="910"/>
      <c r="H43" s="567">
        <v>0</v>
      </c>
      <c r="I43" s="909">
        <v>0</v>
      </c>
      <c r="J43" s="910"/>
      <c r="K43" s="567">
        <v>0</v>
      </c>
      <c r="L43" s="568">
        <v>0</v>
      </c>
    </row>
    <row r="44" spans="1:14" ht="10.5" x14ac:dyDescent="0.2">
      <c r="A44" s="30" t="s">
        <v>32</v>
      </c>
      <c r="B44" s="909">
        <v>0</v>
      </c>
      <c r="C44" s="910"/>
      <c r="D44" s="909">
        <v>0</v>
      </c>
      <c r="E44" s="910"/>
      <c r="F44" s="909">
        <v>0</v>
      </c>
      <c r="G44" s="910"/>
      <c r="H44" s="567">
        <v>0</v>
      </c>
      <c r="I44" s="909">
        <v>0</v>
      </c>
      <c r="J44" s="910"/>
      <c r="K44" s="567">
        <v>0</v>
      </c>
      <c r="L44" s="568">
        <v>0</v>
      </c>
    </row>
    <row r="45" spans="1:14" ht="10.5" x14ac:dyDescent="0.2">
      <c r="A45" s="30" t="s">
        <v>33</v>
      </c>
      <c r="B45" s="909">
        <v>0</v>
      </c>
      <c r="C45" s="910"/>
      <c r="D45" s="909">
        <v>0</v>
      </c>
      <c r="E45" s="910"/>
      <c r="F45" s="909">
        <v>0</v>
      </c>
      <c r="G45" s="910"/>
      <c r="H45" s="567">
        <v>0</v>
      </c>
      <c r="I45" s="909">
        <v>0</v>
      </c>
      <c r="J45" s="910"/>
      <c r="K45" s="567">
        <v>0</v>
      </c>
      <c r="L45" s="568">
        <v>0</v>
      </c>
    </row>
    <row r="46" spans="1:14" ht="10.5" x14ac:dyDescent="0.2">
      <c r="A46" s="30" t="s">
        <v>34</v>
      </c>
      <c r="B46" s="909">
        <v>0</v>
      </c>
      <c r="C46" s="910"/>
      <c r="D46" s="909">
        <v>0</v>
      </c>
      <c r="E46" s="910"/>
      <c r="F46" s="909">
        <v>0</v>
      </c>
      <c r="G46" s="910"/>
      <c r="H46" s="567">
        <v>0</v>
      </c>
      <c r="I46" s="909">
        <v>0</v>
      </c>
      <c r="J46" s="910"/>
      <c r="K46" s="567">
        <v>0</v>
      </c>
      <c r="L46" s="568">
        <v>0</v>
      </c>
    </row>
    <row r="47" spans="1:14" ht="10.5" x14ac:dyDescent="0.2">
      <c r="A47" s="59" t="s">
        <v>35</v>
      </c>
      <c r="B47" s="909">
        <v>0</v>
      </c>
      <c r="C47" s="910"/>
      <c r="D47" s="909">
        <v>0</v>
      </c>
      <c r="E47" s="910"/>
      <c r="F47" s="909">
        <v>0</v>
      </c>
      <c r="G47" s="910"/>
      <c r="H47" s="567">
        <v>0</v>
      </c>
      <c r="I47" s="909">
        <v>0</v>
      </c>
      <c r="J47" s="910"/>
      <c r="K47" s="567">
        <v>0</v>
      </c>
      <c r="L47" s="568">
        <v>0</v>
      </c>
    </row>
    <row r="48" spans="1:14" ht="10.5" x14ac:dyDescent="0.2">
      <c r="A48" s="157" t="s">
        <v>36</v>
      </c>
      <c r="B48" s="909">
        <v>19000</v>
      </c>
      <c r="C48" s="910"/>
      <c r="D48" s="909">
        <v>997618772.39999998</v>
      </c>
      <c r="E48" s="910"/>
      <c r="F48" s="909">
        <v>739254195.06999993</v>
      </c>
      <c r="G48" s="910"/>
      <c r="H48" s="567">
        <v>74.101872932037466</v>
      </c>
      <c r="I48" s="909">
        <v>997599772.39999998</v>
      </c>
      <c r="J48" s="910"/>
      <c r="K48" s="567">
        <v>99.998095464868371</v>
      </c>
      <c r="L48" s="568">
        <v>19000</v>
      </c>
    </row>
    <row r="49" spans="1:14" ht="10.5" x14ac:dyDescent="0.2">
      <c r="A49" s="30" t="s">
        <v>37</v>
      </c>
      <c r="B49" s="909">
        <v>19000</v>
      </c>
      <c r="C49" s="910"/>
      <c r="D49" s="909">
        <v>19000</v>
      </c>
      <c r="E49" s="910"/>
      <c r="F49" s="909">
        <v>0</v>
      </c>
      <c r="G49" s="910"/>
      <c r="H49" s="567">
        <v>0</v>
      </c>
      <c r="I49" s="909">
        <v>0</v>
      </c>
      <c r="J49" s="910"/>
      <c r="K49" s="567">
        <v>0</v>
      </c>
      <c r="L49" s="568">
        <v>19000</v>
      </c>
    </row>
    <row r="50" spans="1:14" ht="10.5" x14ac:dyDescent="0.2">
      <c r="A50" s="30" t="s">
        <v>38</v>
      </c>
      <c r="B50" s="909">
        <v>0</v>
      </c>
      <c r="C50" s="910"/>
      <c r="D50" s="909">
        <v>0</v>
      </c>
      <c r="E50" s="910"/>
      <c r="F50" s="909">
        <v>0</v>
      </c>
      <c r="G50" s="910"/>
      <c r="H50" s="567">
        <v>0</v>
      </c>
      <c r="I50" s="909">
        <v>0</v>
      </c>
      <c r="J50" s="910"/>
      <c r="K50" s="567">
        <v>0</v>
      </c>
      <c r="L50" s="568">
        <v>0</v>
      </c>
    </row>
    <row r="51" spans="1:14" ht="10.5" x14ac:dyDescent="0.2">
      <c r="A51" s="30" t="s">
        <v>39</v>
      </c>
      <c r="B51" s="909">
        <v>0</v>
      </c>
      <c r="C51" s="910"/>
      <c r="D51" s="909">
        <v>0</v>
      </c>
      <c r="E51" s="910"/>
      <c r="F51" s="909">
        <v>0</v>
      </c>
      <c r="G51" s="910"/>
      <c r="H51" s="567">
        <v>0</v>
      </c>
      <c r="I51" s="909">
        <v>0</v>
      </c>
      <c r="J51" s="910"/>
      <c r="K51" s="567">
        <v>0</v>
      </c>
      <c r="L51" s="568">
        <v>0</v>
      </c>
    </row>
    <row r="52" spans="1:14" ht="21" x14ac:dyDescent="0.2">
      <c r="A52" s="57" t="s">
        <v>373</v>
      </c>
      <c r="B52" s="909">
        <v>0</v>
      </c>
      <c r="C52" s="910"/>
      <c r="D52" s="909">
        <v>609999999</v>
      </c>
      <c r="E52" s="910"/>
      <c r="F52" s="909">
        <v>609999999</v>
      </c>
      <c r="G52" s="910"/>
      <c r="H52" s="567">
        <v>100</v>
      </c>
      <c r="I52" s="909">
        <v>609999999</v>
      </c>
      <c r="J52" s="910"/>
      <c r="K52" s="567">
        <v>100</v>
      </c>
      <c r="L52" s="568">
        <v>0</v>
      </c>
    </row>
    <row r="53" spans="1:14" ht="10.5" x14ac:dyDescent="0.2">
      <c r="A53" s="59" t="s">
        <v>54</v>
      </c>
      <c r="B53" s="909">
        <v>0</v>
      </c>
      <c r="C53" s="910"/>
      <c r="D53" s="909">
        <v>387599773.39999998</v>
      </c>
      <c r="E53" s="910"/>
      <c r="F53" s="909">
        <v>129254196.06999999</v>
      </c>
      <c r="G53" s="910"/>
      <c r="H53" s="567">
        <v>33.347335303163518</v>
      </c>
      <c r="I53" s="909">
        <v>387599773.39999998</v>
      </c>
      <c r="J53" s="910"/>
      <c r="K53" s="567">
        <v>100</v>
      </c>
      <c r="L53" s="568">
        <v>0</v>
      </c>
    </row>
    <row r="54" spans="1:14" ht="10.5" x14ac:dyDescent="0.2">
      <c r="A54" s="157" t="s">
        <v>40</v>
      </c>
      <c r="B54" s="913">
        <v>0</v>
      </c>
      <c r="C54" s="914"/>
      <c r="D54" s="913">
        <v>0</v>
      </c>
      <c r="E54" s="914"/>
      <c r="F54" s="913">
        <v>0</v>
      </c>
      <c r="G54" s="914"/>
      <c r="H54" s="565">
        <v>0</v>
      </c>
      <c r="I54" s="913">
        <v>0</v>
      </c>
      <c r="J54" s="914"/>
      <c r="K54" s="565">
        <v>0</v>
      </c>
      <c r="L54" s="637">
        <v>0</v>
      </c>
    </row>
    <row r="55" spans="1:14" ht="10.5" x14ac:dyDescent="0.2">
      <c r="A55" s="157" t="s">
        <v>41</v>
      </c>
      <c r="B55" s="909">
        <v>0</v>
      </c>
      <c r="C55" s="910"/>
      <c r="D55" s="909">
        <v>0</v>
      </c>
      <c r="E55" s="910"/>
      <c r="F55" s="909">
        <v>0</v>
      </c>
      <c r="G55" s="910"/>
      <c r="H55" s="567">
        <v>0</v>
      </c>
      <c r="I55" s="909">
        <v>0</v>
      </c>
      <c r="J55" s="910"/>
      <c r="K55" s="567">
        <v>0</v>
      </c>
      <c r="L55" s="568">
        <v>0</v>
      </c>
    </row>
    <row r="56" spans="1:14" ht="10.5" x14ac:dyDescent="0.2">
      <c r="A56" s="30" t="s">
        <v>42</v>
      </c>
      <c r="B56" s="909">
        <v>0</v>
      </c>
      <c r="C56" s="910"/>
      <c r="D56" s="909">
        <v>0</v>
      </c>
      <c r="E56" s="910"/>
      <c r="F56" s="909">
        <v>0</v>
      </c>
      <c r="G56" s="910"/>
      <c r="H56" s="567">
        <v>0</v>
      </c>
      <c r="I56" s="909">
        <v>0</v>
      </c>
      <c r="J56" s="910"/>
      <c r="K56" s="567">
        <v>0</v>
      </c>
      <c r="L56" s="568">
        <v>0</v>
      </c>
    </row>
    <row r="57" spans="1:14" ht="10.5" x14ac:dyDescent="0.2">
      <c r="A57" s="30" t="s">
        <v>43</v>
      </c>
      <c r="B57" s="909">
        <v>0</v>
      </c>
      <c r="C57" s="910"/>
      <c r="D57" s="909">
        <v>0</v>
      </c>
      <c r="E57" s="910"/>
      <c r="F57" s="909">
        <v>0</v>
      </c>
      <c r="G57" s="910"/>
      <c r="H57" s="567">
        <v>0</v>
      </c>
      <c r="I57" s="909">
        <v>0</v>
      </c>
      <c r="J57" s="910"/>
      <c r="K57" s="567">
        <v>0</v>
      </c>
      <c r="L57" s="568">
        <v>0</v>
      </c>
    </row>
    <row r="58" spans="1:14" ht="10.5" x14ac:dyDescent="0.2">
      <c r="A58" s="157" t="s">
        <v>44</v>
      </c>
      <c r="B58" s="909">
        <v>0</v>
      </c>
      <c r="C58" s="910"/>
      <c r="D58" s="909">
        <v>0</v>
      </c>
      <c r="E58" s="910"/>
      <c r="F58" s="909">
        <v>0</v>
      </c>
      <c r="G58" s="910"/>
      <c r="H58" s="567">
        <v>0</v>
      </c>
      <c r="I58" s="909">
        <v>0</v>
      </c>
      <c r="J58" s="910"/>
      <c r="K58" s="567">
        <v>0</v>
      </c>
      <c r="L58" s="568">
        <v>0</v>
      </c>
      <c r="M58" s="63"/>
      <c r="N58" s="63"/>
    </row>
    <row r="59" spans="1:14" ht="10.5" x14ac:dyDescent="0.2">
      <c r="A59" s="30" t="s">
        <v>45</v>
      </c>
      <c r="B59" s="909">
        <v>0</v>
      </c>
      <c r="C59" s="910"/>
      <c r="D59" s="909">
        <v>0</v>
      </c>
      <c r="E59" s="910"/>
      <c r="F59" s="909">
        <v>0</v>
      </c>
      <c r="G59" s="910"/>
      <c r="H59" s="567">
        <v>0</v>
      </c>
      <c r="I59" s="909">
        <v>0</v>
      </c>
      <c r="J59" s="910"/>
      <c r="K59" s="567">
        <v>0</v>
      </c>
      <c r="L59" s="568">
        <v>0</v>
      </c>
    </row>
    <row r="60" spans="1:14" ht="10.5" x14ac:dyDescent="0.2">
      <c r="A60" s="30" t="s">
        <v>46</v>
      </c>
      <c r="B60" s="909">
        <v>0</v>
      </c>
      <c r="C60" s="910"/>
      <c r="D60" s="909">
        <v>0</v>
      </c>
      <c r="E60" s="910"/>
      <c r="F60" s="909">
        <v>0</v>
      </c>
      <c r="G60" s="910"/>
      <c r="H60" s="567">
        <v>0</v>
      </c>
      <c r="I60" s="909">
        <v>0</v>
      </c>
      <c r="J60" s="910"/>
      <c r="K60" s="567">
        <v>0</v>
      </c>
      <c r="L60" s="568">
        <v>0</v>
      </c>
    </row>
    <row r="61" spans="1:14" ht="10.5" x14ac:dyDescent="0.2">
      <c r="A61" s="157" t="s">
        <v>47</v>
      </c>
      <c r="B61" s="909">
        <v>0</v>
      </c>
      <c r="C61" s="910"/>
      <c r="D61" s="909">
        <v>0</v>
      </c>
      <c r="E61" s="910"/>
      <c r="F61" s="909">
        <v>0</v>
      </c>
      <c r="G61" s="910"/>
      <c r="H61" s="567">
        <v>0</v>
      </c>
      <c r="I61" s="909">
        <v>0</v>
      </c>
      <c r="J61" s="910"/>
      <c r="K61" s="567">
        <v>0</v>
      </c>
      <c r="L61" s="568">
        <v>0</v>
      </c>
    </row>
    <row r="62" spans="1:14" ht="10.5" x14ac:dyDescent="0.2">
      <c r="A62" s="157" t="s">
        <v>48</v>
      </c>
      <c r="B62" s="909">
        <v>0</v>
      </c>
      <c r="C62" s="910"/>
      <c r="D62" s="909">
        <v>0</v>
      </c>
      <c r="E62" s="910"/>
      <c r="F62" s="909">
        <v>0</v>
      </c>
      <c r="G62" s="910"/>
      <c r="H62" s="567">
        <v>0</v>
      </c>
      <c r="I62" s="909">
        <v>0</v>
      </c>
      <c r="J62" s="910"/>
      <c r="K62" s="567">
        <v>0</v>
      </c>
      <c r="L62" s="568">
        <v>0</v>
      </c>
      <c r="M62" s="63"/>
      <c r="N62" s="63"/>
    </row>
    <row r="63" spans="1:14" ht="10.5" x14ac:dyDescent="0.2">
      <c r="A63" s="30" t="s">
        <v>30</v>
      </c>
      <c r="B63" s="909">
        <v>0</v>
      </c>
      <c r="C63" s="910"/>
      <c r="D63" s="909">
        <v>0</v>
      </c>
      <c r="E63" s="910"/>
      <c r="F63" s="909">
        <v>0</v>
      </c>
      <c r="G63" s="910"/>
      <c r="H63" s="567">
        <v>0</v>
      </c>
      <c r="I63" s="909">
        <v>0</v>
      </c>
      <c r="J63" s="910"/>
      <c r="K63" s="567">
        <v>0</v>
      </c>
      <c r="L63" s="568">
        <v>0</v>
      </c>
    </row>
    <row r="64" spans="1:14" ht="10.5" x14ac:dyDescent="0.2">
      <c r="A64" s="30" t="s">
        <v>31</v>
      </c>
      <c r="B64" s="909">
        <v>0</v>
      </c>
      <c r="C64" s="910"/>
      <c r="D64" s="909">
        <v>0</v>
      </c>
      <c r="E64" s="910"/>
      <c r="F64" s="909">
        <v>0</v>
      </c>
      <c r="G64" s="910"/>
      <c r="H64" s="567">
        <v>0</v>
      </c>
      <c r="I64" s="909">
        <v>0</v>
      </c>
      <c r="J64" s="910"/>
      <c r="K64" s="567">
        <v>0</v>
      </c>
      <c r="L64" s="568">
        <v>0</v>
      </c>
    </row>
    <row r="65" spans="1:12" ht="10.5" x14ac:dyDescent="0.2">
      <c r="A65" s="30" t="s">
        <v>32</v>
      </c>
      <c r="B65" s="909">
        <v>0</v>
      </c>
      <c r="C65" s="910"/>
      <c r="D65" s="909">
        <v>0</v>
      </c>
      <c r="E65" s="910"/>
      <c r="F65" s="909">
        <v>0</v>
      </c>
      <c r="G65" s="910"/>
      <c r="H65" s="567">
        <v>0</v>
      </c>
      <c r="I65" s="909">
        <v>0</v>
      </c>
      <c r="J65" s="910"/>
      <c r="K65" s="567">
        <v>0</v>
      </c>
      <c r="L65" s="568">
        <v>0</v>
      </c>
    </row>
    <row r="66" spans="1:12" ht="10.5" x14ac:dyDescent="0.2">
      <c r="A66" s="30" t="s">
        <v>33</v>
      </c>
      <c r="B66" s="909">
        <v>0</v>
      </c>
      <c r="C66" s="910"/>
      <c r="D66" s="909">
        <v>0</v>
      </c>
      <c r="E66" s="910"/>
      <c r="F66" s="909">
        <v>0</v>
      </c>
      <c r="G66" s="910"/>
      <c r="H66" s="567">
        <v>0</v>
      </c>
      <c r="I66" s="909">
        <v>0</v>
      </c>
      <c r="J66" s="910"/>
      <c r="K66" s="567">
        <v>0</v>
      </c>
      <c r="L66" s="568">
        <v>0</v>
      </c>
    </row>
    <row r="67" spans="1:12" ht="10.5" x14ac:dyDescent="0.2">
      <c r="A67" s="60" t="s">
        <v>49</v>
      </c>
      <c r="B67" s="909">
        <v>0</v>
      </c>
      <c r="C67" s="910"/>
      <c r="D67" s="909">
        <v>0</v>
      </c>
      <c r="E67" s="910"/>
      <c r="F67" s="909">
        <v>0</v>
      </c>
      <c r="G67" s="910"/>
      <c r="H67" s="567">
        <v>0</v>
      </c>
      <c r="I67" s="909">
        <v>0</v>
      </c>
      <c r="J67" s="910"/>
      <c r="K67" s="567">
        <v>0</v>
      </c>
      <c r="L67" s="568">
        <v>0</v>
      </c>
    </row>
    <row r="68" spans="1:12" ht="10.5" x14ac:dyDescent="0.2">
      <c r="A68" s="60" t="s">
        <v>34</v>
      </c>
      <c r="B68" s="909">
        <v>0</v>
      </c>
      <c r="C68" s="910"/>
      <c r="D68" s="909">
        <v>0</v>
      </c>
      <c r="E68" s="910"/>
      <c r="F68" s="909">
        <v>0</v>
      </c>
      <c r="G68" s="910"/>
      <c r="H68" s="567">
        <v>0</v>
      </c>
      <c r="I68" s="909">
        <v>0</v>
      </c>
      <c r="J68" s="910"/>
      <c r="K68" s="567">
        <v>0</v>
      </c>
      <c r="L68" s="568">
        <v>0</v>
      </c>
    </row>
    <row r="69" spans="1:12" ht="10.5" x14ac:dyDescent="0.2">
      <c r="A69" s="60" t="s">
        <v>35</v>
      </c>
      <c r="B69" s="909">
        <v>0</v>
      </c>
      <c r="C69" s="910"/>
      <c r="D69" s="909">
        <v>0</v>
      </c>
      <c r="E69" s="910"/>
      <c r="F69" s="909">
        <v>0</v>
      </c>
      <c r="G69" s="910"/>
      <c r="H69" s="567">
        <v>0</v>
      </c>
      <c r="I69" s="909">
        <v>0</v>
      </c>
      <c r="J69" s="910"/>
      <c r="K69" s="567">
        <v>0</v>
      </c>
      <c r="L69" s="568">
        <v>0</v>
      </c>
    </row>
    <row r="70" spans="1:12" ht="10.5" x14ac:dyDescent="0.2">
      <c r="A70" s="157" t="s">
        <v>50</v>
      </c>
      <c r="B70" s="909">
        <v>0</v>
      </c>
      <c r="C70" s="910"/>
      <c r="D70" s="909">
        <v>0</v>
      </c>
      <c r="E70" s="910">
        <v>0</v>
      </c>
      <c r="F70" s="909">
        <v>0</v>
      </c>
      <c r="G70" s="910"/>
      <c r="H70" s="567">
        <v>0</v>
      </c>
      <c r="I70" s="909">
        <v>0</v>
      </c>
      <c r="J70" s="910"/>
      <c r="K70" s="567">
        <v>0</v>
      </c>
      <c r="L70" s="568">
        <v>0</v>
      </c>
    </row>
    <row r="71" spans="1:12" ht="10.5" x14ac:dyDescent="0.2">
      <c r="A71" s="30" t="s">
        <v>51</v>
      </c>
      <c r="B71" s="909">
        <v>0</v>
      </c>
      <c r="C71" s="910"/>
      <c r="D71" s="909">
        <v>0</v>
      </c>
      <c r="E71" s="910"/>
      <c r="F71" s="909">
        <v>0</v>
      </c>
      <c r="G71" s="910"/>
      <c r="H71" s="567">
        <v>0</v>
      </c>
      <c r="I71" s="909">
        <v>0</v>
      </c>
      <c r="J71" s="910"/>
      <c r="K71" s="567">
        <v>0</v>
      </c>
      <c r="L71" s="568">
        <v>0</v>
      </c>
    </row>
    <row r="72" spans="1:12" ht="10.5" x14ac:dyDescent="0.2">
      <c r="A72" s="61" t="s">
        <v>52</v>
      </c>
      <c r="B72" s="909">
        <v>0</v>
      </c>
      <c r="C72" s="910"/>
      <c r="D72" s="909">
        <v>0</v>
      </c>
      <c r="E72" s="910"/>
      <c r="F72" s="909">
        <v>0</v>
      </c>
      <c r="G72" s="910"/>
      <c r="H72" s="567">
        <v>0</v>
      </c>
      <c r="I72" s="909">
        <v>0</v>
      </c>
      <c r="J72" s="910"/>
      <c r="K72" s="567">
        <v>0</v>
      </c>
      <c r="L72" s="568">
        <v>0</v>
      </c>
    </row>
    <row r="73" spans="1:12" ht="10.5" x14ac:dyDescent="0.2">
      <c r="A73" s="569" t="s">
        <v>53</v>
      </c>
      <c r="B73" s="915">
        <v>0</v>
      </c>
      <c r="C73" s="916"/>
      <c r="D73" s="915">
        <v>0</v>
      </c>
      <c r="E73" s="916"/>
      <c r="F73" s="915">
        <v>0</v>
      </c>
      <c r="G73" s="916"/>
      <c r="H73" s="570">
        <v>0</v>
      </c>
      <c r="I73" s="915">
        <v>0</v>
      </c>
      <c r="J73" s="916"/>
      <c r="K73" s="570">
        <v>0</v>
      </c>
      <c r="L73" s="571">
        <v>0</v>
      </c>
    </row>
    <row r="74" spans="1:12" ht="5.0999999999999996" customHeight="1" x14ac:dyDescent="0.2">
      <c r="F74" s="63"/>
      <c r="G74" s="63"/>
      <c r="H74" s="63"/>
      <c r="I74" s="63"/>
      <c r="J74" s="63"/>
      <c r="K74" s="63"/>
      <c r="L74" s="63"/>
    </row>
    <row r="75" spans="1:12" ht="5.0999999999999996" customHeight="1" x14ac:dyDescent="0.2">
      <c r="F75" s="63"/>
      <c r="G75" s="63"/>
      <c r="H75" s="63"/>
      <c r="I75" s="63"/>
      <c r="J75" s="63"/>
      <c r="K75" s="63"/>
      <c r="L75" s="63"/>
    </row>
    <row r="76" spans="1:12" ht="10.5" x14ac:dyDescent="0.2">
      <c r="A76" s="855" t="s">
        <v>540</v>
      </c>
      <c r="B76" s="559" t="s">
        <v>157</v>
      </c>
      <c r="C76" s="559" t="s">
        <v>157</v>
      </c>
      <c r="D76" s="837" t="s">
        <v>158</v>
      </c>
      <c r="E76" s="847"/>
      <c r="F76" s="897" t="s">
        <v>161</v>
      </c>
      <c r="G76" s="837" t="s">
        <v>159</v>
      </c>
      <c r="H76" s="838"/>
      <c r="I76" s="917" t="s">
        <v>161</v>
      </c>
      <c r="J76" s="919" t="s">
        <v>538</v>
      </c>
      <c r="K76" s="839" t="s">
        <v>639</v>
      </c>
      <c r="L76" s="840"/>
    </row>
    <row r="77" spans="1:12" ht="10.5" x14ac:dyDescent="0.2">
      <c r="A77" s="856"/>
      <c r="B77" s="560" t="s">
        <v>111</v>
      </c>
      <c r="C77" s="560" t="s">
        <v>112</v>
      </c>
      <c r="D77" s="66" t="s">
        <v>433</v>
      </c>
      <c r="E77" s="66" t="s">
        <v>434</v>
      </c>
      <c r="F77" s="898"/>
      <c r="G77" s="66" t="s">
        <v>433</v>
      </c>
      <c r="H77" s="67" t="s">
        <v>434</v>
      </c>
      <c r="I77" s="918"/>
      <c r="J77" s="920"/>
      <c r="K77" s="841"/>
      <c r="L77" s="842"/>
    </row>
    <row r="78" spans="1:12" ht="10.5" x14ac:dyDescent="0.2">
      <c r="A78" s="856"/>
      <c r="B78" s="560"/>
      <c r="C78" s="560"/>
      <c r="D78" s="67" t="s">
        <v>121</v>
      </c>
      <c r="E78" s="67" t="s">
        <v>121</v>
      </c>
      <c r="F78" s="898"/>
      <c r="G78" s="67" t="s">
        <v>121</v>
      </c>
      <c r="H78" s="67" t="s">
        <v>121</v>
      </c>
      <c r="I78" s="918"/>
      <c r="J78" s="920"/>
      <c r="K78" s="841"/>
      <c r="L78" s="842"/>
    </row>
    <row r="79" spans="1:12" s="515" customFormat="1" ht="15" customHeight="1" x14ac:dyDescent="0.2">
      <c r="A79" s="857"/>
      <c r="B79" s="512" t="s">
        <v>162</v>
      </c>
      <c r="C79" s="512" t="s">
        <v>163</v>
      </c>
      <c r="D79" s="514"/>
      <c r="E79" s="512" t="s">
        <v>233</v>
      </c>
      <c r="F79" s="513" t="s">
        <v>542</v>
      </c>
      <c r="G79" s="514"/>
      <c r="H79" s="512" t="s">
        <v>165</v>
      </c>
      <c r="I79" s="512" t="s">
        <v>543</v>
      </c>
      <c r="J79" s="512" t="s">
        <v>350</v>
      </c>
      <c r="K79" s="843"/>
      <c r="L79" s="844"/>
    </row>
    <row r="80" spans="1:12" ht="10.5" x14ac:dyDescent="0.2">
      <c r="A80" s="162" t="s">
        <v>866</v>
      </c>
      <c r="B80" s="641">
        <v>931270300</v>
      </c>
      <c r="C80" s="641">
        <v>2212192140.1000004</v>
      </c>
      <c r="D80" s="641">
        <v>360974377.22999996</v>
      </c>
      <c r="E80" s="641">
        <v>2146821897.1900001</v>
      </c>
      <c r="F80" s="641">
        <v>65370242.910000324</v>
      </c>
      <c r="G80" s="641">
        <v>441937532.48000002</v>
      </c>
      <c r="H80" s="641">
        <v>2023172051.3800001</v>
      </c>
      <c r="I80" s="641">
        <v>189020088.72000027</v>
      </c>
      <c r="J80" s="641">
        <v>1944154177.74</v>
      </c>
      <c r="K80" s="845">
        <v>123649845.80999994</v>
      </c>
      <c r="L80" s="846"/>
    </row>
    <row r="81" spans="1:12" ht="10.5" x14ac:dyDescent="0.2">
      <c r="A81" s="69" t="s">
        <v>86</v>
      </c>
      <c r="B81" s="641">
        <v>931270300</v>
      </c>
      <c r="C81" s="641">
        <v>2212192140.1000004</v>
      </c>
      <c r="D81" s="641">
        <v>360974377.22999996</v>
      </c>
      <c r="E81" s="641">
        <v>2146821897.1900001</v>
      </c>
      <c r="F81" s="641">
        <v>65370242.910000205</v>
      </c>
      <c r="G81" s="641">
        <v>441937532.48000002</v>
      </c>
      <c r="H81" s="641">
        <v>2023172051.3800001</v>
      </c>
      <c r="I81" s="641">
        <v>189020088.72000015</v>
      </c>
      <c r="J81" s="641">
        <v>1944154177.74</v>
      </c>
      <c r="K81" s="851">
        <v>123649845.80999994</v>
      </c>
      <c r="L81" s="852"/>
    </row>
    <row r="82" spans="1:12" s="49" customFormat="1" ht="10.5" x14ac:dyDescent="0.2">
      <c r="A82" s="69" t="s">
        <v>87</v>
      </c>
      <c r="B82" s="327">
        <v>710980400</v>
      </c>
      <c r="C82" s="327">
        <v>1170322597.6400001</v>
      </c>
      <c r="D82" s="327">
        <v>85977812.140000001</v>
      </c>
      <c r="E82" s="327">
        <v>1122091036.78</v>
      </c>
      <c r="F82" s="327">
        <v>48231560.860000134</v>
      </c>
      <c r="G82" s="328">
        <v>72163042.480000004</v>
      </c>
      <c r="H82" s="328">
        <v>1016213298.15</v>
      </c>
      <c r="I82" s="328">
        <v>154109299.49000013</v>
      </c>
      <c r="J82" s="327">
        <v>942873505.03999996</v>
      </c>
      <c r="K82" s="835">
        <v>105877738.63</v>
      </c>
      <c r="L82" s="836"/>
    </row>
    <row r="83" spans="1:12" ht="10.5" x14ac:dyDescent="0.2">
      <c r="A83" s="69" t="s">
        <v>88</v>
      </c>
      <c r="B83" s="327">
        <v>0</v>
      </c>
      <c r="C83" s="327">
        <v>0</v>
      </c>
      <c r="D83" s="327">
        <v>0</v>
      </c>
      <c r="E83" s="327">
        <v>0</v>
      </c>
      <c r="F83" s="327">
        <v>0</v>
      </c>
      <c r="G83" s="328">
        <v>0</v>
      </c>
      <c r="H83" s="328">
        <v>0</v>
      </c>
      <c r="I83" s="328">
        <v>0</v>
      </c>
      <c r="J83" s="327">
        <v>0</v>
      </c>
      <c r="K83" s="835">
        <v>0</v>
      </c>
      <c r="L83" s="836"/>
    </row>
    <row r="84" spans="1:12" ht="10.5" x14ac:dyDescent="0.2">
      <c r="A84" s="69" t="s">
        <v>89</v>
      </c>
      <c r="B84" s="429">
        <v>220289900</v>
      </c>
      <c r="C84" s="429">
        <v>1041869542.46</v>
      </c>
      <c r="D84" s="429">
        <v>274996565.08999997</v>
      </c>
      <c r="E84" s="429">
        <v>1024730860.41</v>
      </c>
      <c r="F84" s="429">
        <v>17138682.050000072</v>
      </c>
      <c r="G84" s="429">
        <v>369774490</v>
      </c>
      <c r="H84" s="429">
        <v>1006958753.23</v>
      </c>
      <c r="I84" s="429">
        <v>34910789.230000019</v>
      </c>
      <c r="J84" s="429">
        <v>1001280672.7</v>
      </c>
      <c r="K84" s="835">
        <v>17772107.179999948</v>
      </c>
      <c r="L84" s="836"/>
    </row>
    <row r="85" spans="1:12" ht="10.5" x14ac:dyDescent="0.2">
      <c r="A85" s="70" t="s">
        <v>739</v>
      </c>
      <c r="B85" s="327">
        <v>0</v>
      </c>
      <c r="C85" s="327">
        <v>0</v>
      </c>
      <c r="D85" s="327">
        <v>0</v>
      </c>
      <c r="E85" s="327">
        <v>0</v>
      </c>
      <c r="F85" s="327">
        <v>0</v>
      </c>
      <c r="G85" s="328">
        <v>0</v>
      </c>
      <c r="H85" s="328">
        <v>0</v>
      </c>
      <c r="I85" s="328">
        <v>0</v>
      </c>
      <c r="J85" s="327">
        <v>0</v>
      </c>
      <c r="K85" s="835">
        <v>0</v>
      </c>
      <c r="L85" s="836"/>
    </row>
    <row r="86" spans="1:12" ht="10.5" x14ac:dyDescent="0.2">
      <c r="A86" s="70" t="s">
        <v>740</v>
      </c>
      <c r="B86" s="327">
        <v>220289900</v>
      </c>
      <c r="C86" s="327">
        <v>1041869542.46</v>
      </c>
      <c r="D86" s="327">
        <v>274996565.08999997</v>
      </c>
      <c r="E86" s="327">
        <v>1024730860.41</v>
      </c>
      <c r="F86" s="327">
        <v>17138682.050000072</v>
      </c>
      <c r="G86" s="328">
        <v>369774490</v>
      </c>
      <c r="H86" s="328">
        <v>1006958753.23</v>
      </c>
      <c r="I86" s="328">
        <v>34910789.230000019</v>
      </c>
      <c r="J86" s="327">
        <v>1001280672.7</v>
      </c>
      <c r="K86" s="835">
        <v>17772107.179999948</v>
      </c>
      <c r="L86" s="836"/>
    </row>
    <row r="87" spans="1:12" s="49" customFormat="1" ht="10.5" x14ac:dyDescent="0.2">
      <c r="A87" s="69" t="s">
        <v>90</v>
      </c>
      <c r="B87" s="429">
        <v>0</v>
      </c>
      <c r="C87" s="429">
        <v>0</v>
      </c>
      <c r="D87" s="429">
        <v>0</v>
      </c>
      <c r="E87" s="429">
        <v>0</v>
      </c>
      <c r="F87" s="429">
        <v>0</v>
      </c>
      <c r="G87" s="429">
        <v>0</v>
      </c>
      <c r="H87" s="429">
        <v>0</v>
      </c>
      <c r="I87" s="429">
        <v>0</v>
      </c>
      <c r="J87" s="429">
        <v>0</v>
      </c>
      <c r="K87" s="835">
        <v>0</v>
      </c>
      <c r="L87" s="836"/>
    </row>
    <row r="88" spans="1:12" ht="10.5" x14ac:dyDescent="0.2">
      <c r="A88" s="63" t="s">
        <v>91</v>
      </c>
      <c r="B88" s="327">
        <v>0</v>
      </c>
      <c r="C88" s="327">
        <v>0</v>
      </c>
      <c r="D88" s="327">
        <v>0</v>
      </c>
      <c r="E88" s="327">
        <v>0</v>
      </c>
      <c r="F88" s="327">
        <v>0</v>
      </c>
      <c r="G88" s="328">
        <v>0</v>
      </c>
      <c r="H88" s="328">
        <v>0</v>
      </c>
      <c r="I88" s="328">
        <v>0</v>
      </c>
      <c r="J88" s="327">
        <v>0</v>
      </c>
      <c r="K88" s="835">
        <v>0</v>
      </c>
      <c r="L88" s="836"/>
    </row>
    <row r="89" spans="1:12" ht="10.5" x14ac:dyDescent="0.2">
      <c r="A89" s="63" t="s">
        <v>92</v>
      </c>
      <c r="B89" s="327">
        <v>0</v>
      </c>
      <c r="C89" s="327">
        <v>0</v>
      </c>
      <c r="D89" s="327">
        <v>0</v>
      </c>
      <c r="E89" s="327">
        <v>0</v>
      </c>
      <c r="F89" s="327">
        <v>0</v>
      </c>
      <c r="G89" s="328">
        <v>0</v>
      </c>
      <c r="H89" s="328">
        <v>0</v>
      </c>
      <c r="I89" s="328">
        <v>0</v>
      </c>
      <c r="J89" s="327">
        <v>0</v>
      </c>
      <c r="K89" s="835">
        <v>0</v>
      </c>
      <c r="L89" s="836"/>
    </row>
    <row r="90" spans="1:12" ht="10.5" x14ac:dyDescent="0.2">
      <c r="A90" s="63" t="s">
        <v>93</v>
      </c>
      <c r="B90" s="327">
        <v>0</v>
      </c>
      <c r="C90" s="327">
        <v>0</v>
      </c>
      <c r="D90" s="327">
        <v>0</v>
      </c>
      <c r="E90" s="327">
        <v>0</v>
      </c>
      <c r="F90" s="327">
        <v>0</v>
      </c>
      <c r="G90" s="328">
        <v>0</v>
      </c>
      <c r="H90" s="328">
        <v>0</v>
      </c>
      <c r="I90" s="328">
        <v>0</v>
      </c>
      <c r="J90" s="327">
        <v>0</v>
      </c>
      <c r="K90" s="862">
        <v>0</v>
      </c>
      <c r="L90" s="863"/>
    </row>
    <row r="91" spans="1:12" ht="10.5" x14ac:dyDescent="0.2">
      <c r="A91" s="81" t="s">
        <v>863</v>
      </c>
      <c r="B91" s="165"/>
      <c r="C91" s="165"/>
      <c r="D91" s="165"/>
      <c r="E91" s="165"/>
      <c r="F91" s="165"/>
      <c r="G91" s="165"/>
      <c r="H91" s="165"/>
      <c r="I91" s="593"/>
      <c r="J91" s="165"/>
      <c r="K91" s="165"/>
    </row>
    <row r="92" spans="1:12" ht="10.5" x14ac:dyDescent="0.2">
      <c r="D92" s="215"/>
      <c r="I92" s="215"/>
      <c r="J92" s="215"/>
    </row>
    <row r="93" spans="1:12" ht="10.5" x14ac:dyDescent="0.2">
      <c r="D93" s="215"/>
      <c r="J93" s="215"/>
    </row>
    <row r="94" spans="1:12" ht="10.5" x14ac:dyDescent="0.2">
      <c r="D94" s="215"/>
    </row>
  </sheetData>
  <customSheetViews>
    <customSheetView guid="{6DBFA32C-4AA4-4E1D-9A48-697377C64CC3}" showPageBreaks="1" showGridLines="0" fitToPage="1" topLeftCell="B1">
      <selection activeCell="D13" sqref="D13:E13"/>
      <pageMargins left="0.19685039370078741" right="0.19685039370078741" top="0.19685039370078741" bottom="0.19685039370078741" header="0" footer="0"/>
      <printOptions horizontalCentered="1"/>
      <pageSetup paperSize="9" scale="41" orientation="portrait" r:id="rId1"/>
    </customSheetView>
    <customSheetView guid="{25EF1E0D-169B-4051-B414-7E1196FC05E4}" showPageBreaks="1" showGridLines="0" fitToPage="1" topLeftCell="A31">
      <selection activeCell="A50" sqref="A50"/>
      <pageMargins left="0.19685039370078741" right="0.19685039370078741" top="0.19685039370078741" bottom="0.19685039370078741" header="0" footer="0"/>
      <printOptions horizontalCentered="1"/>
      <pageSetup paperSize="9" scale="41" orientation="portrait" r:id="rId2"/>
    </customSheetView>
    <customSheetView guid="{82EDB5A4-4824-4632-A540-7A52C92F04C7}" showPageBreaks="1" showGridLines="0" topLeftCell="B1">
      <selection activeCell="D13" sqref="D13:E13"/>
      <pageMargins left="0.19685039370078741" right="0.19685039370078741" top="0.19685039370078741" bottom="0.19685039370078741" header="0" footer="0"/>
      <printOptions horizontalCentered="1"/>
      <pageSetup paperSize="9" scale="55" orientation="landscape" r:id="rId3"/>
    </customSheetView>
    <customSheetView guid="{3AAF6A5F-F9AA-430B-9AD9-1261ECDF41B5}" showPageBreaks="1" showGridLines="0" fitToPage="1" printArea="1" topLeftCell="A46">
      <selection activeCell="A56" sqref="A56"/>
      <pageMargins left="0.19685039370078741" right="0.19685039370078741" top="0.39370078740157483" bottom="0.19685039370078741" header="0" footer="0"/>
      <printOptions horizontalCentered="1"/>
      <pageSetup paperSize="9" scale="41" orientation="portrait" r:id="rId4"/>
    </customSheetView>
    <customSheetView guid="{C779D862-DE28-46CD-A428-4AAA1056D1E1}" showGridLines="0" fitToPage="1" topLeftCell="A67">
      <selection activeCell="A98" sqref="A98"/>
      <pageMargins left="0.19685039370078741" right="0.19685039370078741" top="0.39370078740157483" bottom="0.19685039370078741" header="0" footer="0"/>
      <printOptions horizontalCentered="1"/>
      <pageSetup paperSize="9" scale="41" orientation="portrait" r:id="rId5"/>
    </customSheetView>
  </customSheetViews>
  <mergeCells count="278">
    <mergeCell ref="K85:L85"/>
    <mergeCell ref="K86:L86"/>
    <mergeCell ref="K87:L87"/>
    <mergeCell ref="K88:L88"/>
    <mergeCell ref="K89:L89"/>
    <mergeCell ref="K90:L90"/>
    <mergeCell ref="K76:L79"/>
    <mergeCell ref="K80:L80"/>
    <mergeCell ref="K81:L81"/>
    <mergeCell ref="K82:L82"/>
    <mergeCell ref="K83:L83"/>
    <mergeCell ref="K84:L84"/>
    <mergeCell ref="B73:C73"/>
    <mergeCell ref="D73:E73"/>
    <mergeCell ref="F73:G73"/>
    <mergeCell ref="I73:J73"/>
    <mergeCell ref="A76:A79"/>
    <mergeCell ref="D76:E76"/>
    <mergeCell ref="F76:F78"/>
    <mergeCell ref="G76:H76"/>
    <mergeCell ref="I76:I78"/>
    <mergeCell ref="J76:J78"/>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s>
  <printOptions horizontalCentered="1"/>
  <pageMargins left="0.19685039370078741" right="0.19685039370078741" top="0.59055118110236227" bottom="0.19685039370078741" header="0" footer="0"/>
  <pageSetup paperSize="9" scale="42" orientation="portrait" r:id="rId6"/>
  <drawing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tabColor rgb="FF00B050"/>
    <pageSetUpPr fitToPage="1"/>
  </sheetPr>
  <dimension ref="A1:M190"/>
  <sheetViews>
    <sheetView showGridLines="0" zoomScaleNormal="100" workbookViewId="0"/>
  </sheetViews>
  <sheetFormatPr defaultColWidth="9.140625" defaultRowHeight="11.25" customHeight="1" x14ac:dyDescent="0.2"/>
  <cols>
    <col min="1" max="1" width="44.5703125" style="63" customWidth="1"/>
    <col min="2" max="2" width="20.7109375" style="50" customWidth="1"/>
    <col min="3" max="3" width="21.140625" style="50" customWidth="1"/>
    <col min="4" max="4" width="19.140625" style="50" customWidth="1"/>
    <col min="5" max="5" width="19.7109375" style="50" customWidth="1"/>
    <col min="6" max="6" width="10" style="50" customWidth="1"/>
    <col min="7" max="7" width="19.5703125" style="50" customWidth="1"/>
    <col min="8" max="8" width="19.5703125" style="50" bestFit="1" customWidth="1"/>
    <col min="9" max="9" width="20.140625" style="50" bestFit="1" customWidth="1"/>
    <col min="10" max="10" width="14.85546875" style="50" customWidth="1"/>
    <col min="11" max="11" width="20.5703125" style="50" customWidth="1"/>
    <col min="12" max="12" width="19.28515625" style="50" customWidth="1"/>
    <col min="13" max="13" width="15.42578125" style="228" customWidth="1"/>
    <col min="14" max="14" width="15.42578125" style="200" customWidth="1"/>
    <col min="15" max="15" width="22" style="200" customWidth="1"/>
    <col min="16" max="16" width="13.42578125" style="200" customWidth="1"/>
    <col min="17" max="16384" width="9.140625" style="200"/>
  </cols>
  <sheetData>
    <row r="1" spans="1:13" s="27" customFormat="1" ht="10.5" x14ac:dyDescent="0.2">
      <c r="A1" s="138"/>
      <c r="M1" s="122"/>
    </row>
    <row r="2" spans="1:13" s="27" customFormat="1" ht="11.25" customHeight="1" x14ac:dyDescent="0.2">
      <c r="A2" s="138"/>
      <c r="M2" s="122"/>
    </row>
    <row r="3" spans="1:13" s="50" customFormat="1" ht="10.5" x14ac:dyDescent="0.2">
      <c r="A3" s="864" t="s">
        <v>641</v>
      </c>
      <c r="B3" s="864"/>
      <c r="C3" s="864"/>
      <c r="D3" s="864"/>
      <c r="E3" s="864"/>
      <c r="F3" s="864"/>
      <c r="G3" s="864"/>
      <c r="H3" s="864"/>
      <c r="I3" s="864"/>
      <c r="J3" s="864"/>
      <c r="K3" s="864"/>
      <c r="L3" s="864"/>
      <c r="M3" s="63"/>
    </row>
    <row r="4" spans="1:13" s="50" customFormat="1" ht="10.5" x14ac:dyDescent="0.2">
      <c r="A4" s="864" t="s">
        <v>105</v>
      </c>
      <c r="B4" s="864"/>
      <c r="C4" s="864"/>
      <c r="D4" s="864"/>
      <c r="E4" s="864"/>
      <c r="F4" s="864"/>
      <c r="G4" s="864"/>
      <c r="H4" s="864"/>
      <c r="I4" s="864"/>
      <c r="J4" s="864"/>
      <c r="K4" s="864"/>
      <c r="L4" s="864"/>
      <c r="M4" s="63"/>
    </row>
    <row r="5" spans="1:13" s="50" customFormat="1" ht="10.5" x14ac:dyDescent="0.2">
      <c r="A5" s="864" t="s">
        <v>168</v>
      </c>
      <c r="B5" s="864"/>
      <c r="C5" s="864"/>
      <c r="D5" s="864"/>
      <c r="E5" s="864"/>
      <c r="F5" s="864"/>
      <c r="G5" s="864"/>
      <c r="H5" s="864"/>
      <c r="I5" s="864"/>
      <c r="J5" s="864"/>
      <c r="K5" s="864"/>
      <c r="L5" s="864"/>
      <c r="M5" s="63"/>
    </row>
    <row r="6" spans="1:13" s="50" customFormat="1" ht="10.5" x14ac:dyDescent="0.2">
      <c r="A6" s="864" t="s">
        <v>107</v>
      </c>
      <c r="B6" s="864"/>
      <c r="C6" s="864"/>
      <c r="D6" s="864"/>
      <c r="E6" s="864"/>
      <c r="F6" s="864"/>
      <c r="G6" s="864"/>
      <c r="H6" s="864"/>
      <c r="I6" s="864"/>
      <c r="J6" s="864"/>
      <c r="K6" s="864"/>
      <c r="L6" s="864"/>
      <c r="M6" s="63"/>
    </row>
    <row r="7" spans="1:13" s="50" customFormat="1" ht="10.5" x14ac:dyDescent="0.2">
      <c r="A7" s="864" t="s">
        <v>881</v>
      </c>
      <c r="B7" s="864"/>
      <c r="C7" s="864"/>
      <c r="D7" s="864"/>
      <c r="E7" s="864"/>
      <c r="F7" s="864"/>
      <c r="G7" s="864"/>
      <c r="H7" s="864"/>
      <c r="I7" s="864"/>
      <c r="J7" s="864"/>
      <c r="K7" s="864"/>
      <c r="L7" s="864"/>
      <c r="M7" s="63"/>
    </row>
    <row r="8" spans="1:13" s="27" customFormat="1" ht="10.5" x14ac:dyDescent="0.2">
      <c r="A8" s="32"/>
      <c r="B8" s="51"/>
      <c r="C8" s="51"/>
      <c r="D8" s="51"/>
      <c r="E8" s="51"/>
      <c r="F8" s="51"/>
      <c r="G8" s="51"/>
      <c r="H8" s="51"/>
      <c r="I8" s="51"/>
      <c r="J8" s="51"/>
      <c r="K8" s="51"/>
      <c r="L8" s="51"/>
      <c r="M8" s="122"/>
    </row>
    <row r="9" spans="1:13" s="27" customFormat="1" ht="10.5" x14ac:dyDescent="0.2">
      <c r="A9" s="122" t="s">
        <v>364</v>
      </c>
      <c r="B9" s="122"/>
      <c r="L9" s="238">
        <v>1</v>
      </c>
      <c r="M9" s="122"/>
    </row>
    <row r="10" spans="1:13" ht="20.100000000000001" customHeight="1" x14ac:dyDescent="0.2">
      <c r="A10" s="119"/>
      <c r="B10" s="196" t="s">
        <v>157</v>
      </c>
      <c r="C10" s="196" t="s">
        <v>157</v>
      </c>
      <c r="D10" s="873" t="s">
        <v>158</v>
      </c>
      <c r="E10" s="874"/>
      <c r="F10" s="875"/>
      <c r="G10" s="897" t="s">
        <v>161</v>
      </c>
      <c r="H10" s="922" t="s">
        <v>159</v>
      </c>
      <c r="I10" s="923"/>
      <c r="J10" s="924"/>
      <c r="K10" s="897" t="s">
        <v>161</v>
      </c>
      <c r="L10" s="839" t="s">
        <v>735</v>
      </c>
    </row>
    <row r="11" spans="1:13" ht="20.100000000000001" customHeight="1" x14ac:dyDescent="0.15">
      <c r="A11" s="589" t="s">
        <v>169</v>
      </c>
      <c r="B11" s="198" t="s">
        <v>111</v>
      </c>
      <c r="C11" s="198" t="s">
        <v>112</v>
      </c>
      <c r="D11" s="925" t="s">
        <v>113</v>
      </c>
      <c r="E11" s="212" t="s">
        <v>115</v>
      </c>
      <c r="F11" s="212" t="s">
        <v>114</v>
      </c>
      <c r="G11" s="898"/>
      <c r="H11" s="925" t="s">
        <v>113</v>
      </c>
      <c r="I11" s="212" t="s">
        <v>115</v>
      </c>
      <c r="J11" s="212" t="s">
        <v>114</v>
      </c>
      <c r="K11" s="898"/>
      <c r="L11" s="841"/>
    </row>
    <row r="12" spans="1:13" s="21" customFormat="1" ht="20.100000000000001" customHeight="1" x14ac:dyDescent="0.2">
      <c r="A12" s="55"/>
      <c r="B12" s="120"/>
      <c r="C12" s="517" t="s">
        <v>116</v>
      </c>
      <c r="D12" s="926"/>
      <c r="E12" s="517" t="s">
        <v>117</v>
      </c>
      <c r="F12" s="517" t="s">
        <v>59</v>
      </c>
      <c r="G12" s="518" t="s">
        <v>280</v>
      </c>
      <c r="H12" s="926"/>
      <c r="I12" s="517" t="s">
        <v>162</v>
      </c>
      <c r="J12" s="517" t="s">
        <v>545</v>
      </c>
      <c r="K12" s="518" t="s">
        <v>544</v>
      </c>
      <c r="L12" s="843"/>
      <c r="M12" s="762"/>
    </row>
    <row r="13" spans="1:13" s="21" customFormat="1" ht="15" customHeight="1" x14ac:dyDescent="0.2">
      <c r="A13" s="152" t="s">
        <v>220</v>
      </c>
      <c r="B13" s="565">
        <v>12125839700</v>
      </c>
      <c r="C13" s="565">
        <v>14119739232.089998</v>
      </c>
      <c r="D13" s="565">
        <v>1591201621.4400001</v>
      </c>
      <c r="E13" s="565">
        <v>12538683431.799999</v>
      </c>
      <c r="F13" s="565">
        <v>85.381354954452576</v>
      </c>
      <c r="G13" s="565">
        <v>1581055800.2900009</v>
      </c>
      <c r="H13" s="565">
        <v>2148199500.1399999</v>
      </c>
      <c r="I13" s="565">
        <v>11575077288.470003</v>
      </c>
      <c r="J13" s="565">
        <v>85.121819722403188</v>
      </c>
      <c r="K13" s="565">
        <v>2544661943.619998</v>
      </c>
      <c r="L13" s="566">
        <v>963606143.32999635</v>
      </c>
      <c r="M13" s="762"/>
    </row>
    <row r="14" spans="1:13" s="21" customFormat="1" ht="10.5" x14ac:dyDescent="0.2">
      <c r="A14" s="152"/>
      <c r="B14" s="567"/>
      <c r="C14" s="567"/>
      <c r="D14" s="698"/>
      <c r="E14" s="698"/>
      <c r="F14" s="748"/>
      <c r="G14" s="698"/>
      <c r="H14" s="698"/>
      <c r="I14" s="698"/>
      <c r="J14" s="747"/>
      <c r="K14" s="748"/>
      <c r="L14" s="747"/>
      <c r="M14" s="762"/>
    </row>
    <row r="15" spans="1:13" s="197" customFormat="1" ht="10.5" x14ac:dyDescent="0.2">
      <c r="A15" s="152" t="s">
        <v>642</v>
      </c>
      <c r="B15" s="565">
        <v>336717000</v>
      </c>
      <c r="C15" s="565">
        <v>357322000</v>
      </c>
      <c r="D15" s="565">
        <v>38363822.090000004</v>
      </c>
      <c r="E15" s="565">
        <v>343772846.13999999</v>
      </c>
      <c r="F15" s="565">
        <v>2.3408989914795333</v>
      </c>
      <c r="G15" s="565">
        <v>13549153.860000014</v>
      </c>
      <c r="H15" s="565">
        <v>70914179.25</v>
      </c>
      <c r="I15" s="565">
        <v>341263945.08999997</v>
      </c>
      <c r="J15" s="565">
        <v>2.5096167643427276</v>
      </c>
      <c r="K15" s="565">
        <v>16058054.910000026</v>
      </c>
      <c r="L15" s="566">
        <v>2508901.0500000119</v>
      </c>
      <c r="M15" s="763"/>
    </row>
    <row r="16" spans="1:13" s="289" customFormat="1" ht="10.5" customHeight="1" x14ac:dyDescent="0.2">
      <c r="A16" s="591" t="s">
        <v>643</v>
      </c>
      <c r="B16" s="578">
        <v>191424000</v>
      </c>
      <c r="C16" s="567">
        <v>202974000</v>
      </c>
      <c r="D16" s="567">
        <v>23468857.280000001</v>
      </c>
      <c r="E16" s="567">
        <v>189673406.57999998</v>
      </c>
      <c r="F16" s="567">
        <v>1.2915688110886738</v>
      </c>
      <c r="G16" s="567">
        <v>13300593.420000017</v>
      </c>
      <c r="H16" s="567">
        <v>38709403.369999997</v>
      </c>
      <c r="I16" s="567">
        <v>189569722.79999995</v>
      </c>
      <c r="J16" s="567">
        <v>1.3940744728401266</v>
      </c>
      <c r="K16" s="567">
        <v>13404277.200000048</v>
      </c>
      <c r="L16" s="568">
        <v>103683.78000003099</v>
      </c>
      <c r="M16" s="228"/>
    </row>
    <row r="17" spans="1:13" s="289" customFormat="1" ht="10.5" customHeight="1" x14ac:dyDescent="0.2">
      <c r="A17" s="591" t="s">
        <v>644</v>
      </c>
      <c r="B17" s="578">
        <v>145293000</v>
      </c>
      <c r="C17" s="567">
        <v>154348000</v>
      </c>
      <c r="D17" s="567">
        <v>14894964.810000001</v>
      </c>
      <c r="E17" s="567">
        <v>154099439.56</v>
      </c>
      <c r="F17" s="567">
        <v>1.0493301803908592</v>
      </c>
      <c r="G17" s="567">
        <v>248560.43999999762</v>
      </c>
      <c r="H17" s="567">
        <v>32204775.879999995</v>
      </c>
      <c r="I17" s="567">
        <v>151694222.29000002</v>
      </c>
      <c r="J17" s="567">
        <v>1.1155422915026008</v>
      </c>
      <c r="K17" s="567">
        <v>2653777.7099999785</v>
      </c>
      <c r="L17" s="568">
        <v>2405217.2699999809</v>
      </c>
      <c r="M17" s="228"/>
    </row>
    <row r="18" spans="1:13" ht="10.5" x14ac:dyDescent="0.2">
      <c r="A18" s="591"/>
      <c r="B18" s="578"/>
      <c r="C18" s="565"/>
      <c r="D18" s="565"/>
      <c r="E18" s="565"/>
      <c r="F18" s="565"/>
      <c r="G18" s="565"/>
      <c r="H18" s="565"/>
      <c r="I18" s="565"/>
      <c r="J18" s="565"/>
      <c r="K18" s="565"/>
      <c r="L18" s="568"/>
    </row>
    <row r="19" spans="1:13" s="73" customFormat="1" ht="10.5" x14ac:dyDescent="0.2">
      <c r="A19" s="152" t="s">
        <v>645</v>
      </c>
      <c r="B19" s="565">
        <v>576015000</v>
      </c>
      <c r="C19" s="565">
        <v>709724934.62</v>
      </c>
      <c r="D19" s="565">
        <v>73452962.799999997</v>
      </c>
      <c r="E19" s="565">
        <v>663300814.71999931</v>
      </c>
      <c r="F19" s="565">
        <v>4.5167040551924815</v>
      </c>
      <c r="G19" s="565">
        <v>46424119.900000647</v>
      </c>
      <c r="H19" s="565">
        <v>130836659.83999993</v>
      </c>
      <c r="I19" s="565">
        <v>646292081.8199991</v>
      </c>
      <c r="J19" s="565">
        <v>4.7527594594550067</v>
      </c>
      <c r="K19" s="565">
        <v>63432852.800000876</v>
      </c>
      <c r="L19" s="566">
        <v>17008732.900000226</v>
      </c>
      <c r="M19" s="921"/>
    </row>
    <row r="20" spans="1:13" s="289" customFormat="1" ht="10.5" x14ac:dyDescent="0.2">
      <c r="A20" s="591" t="s">
        <v>646</v>
      </c>
      <c r="B20" s="567">
        <v>564705000</v>
      </c>
      <c r="C20" s="567">
        <v>698715934.62</v>
      </c>
      <c r="D20" s="567">
        <v>73697912.780000001</v>
      </c>
      <c r="E20" s="567">
        <v>657654966.42999935</v>
      </c>
      <c r="F20" s="567">
        <v>4.4782590159274402</v>
      </c>
      <c r="G20" s="567">
        <v>41060968.190000653</v>
      </c>
      <c r="H20" s="567">
        <v>129605286.27999994</v>
      </c>
      <c r="I20" s="567">
        <v>641045241.78999913</v>
      </c>
      <c r="J20" s="567">
        <v>4.7141747865396191</v>
      </c>
      <c r="K20" s="567">
        <v>57670692.830000877</v>
      </c>
      <c r="L20" s="568">
        <v>16609724.640000224</v>
      </c>
      <c r="M20" s="921"/>
    </row>
    <row r="21" spans="1:13" s="289" customFormat="1" ht="10.5" x14ac:dyDescent="0.2">
      <c r="A21" s="591" t="s">
        <v>654</v>
      </c>
      <c r="B21" s="567">
        <v>0</v>
      </c>
      <c r="C21" s="567">
        <v>0</v>
      </c>
      <c r="D21" s="567">
        <v>0</v>
      </c>
      <c r="E21" s="567">
        <v>0</v>
      </c>
      <c r="F21" s="567">
        <v>0</v>
      </c>
      <c r="G21" s="567">
        <v>0</v>
      </c>
      <c r="H21" s="567">
        <v>0</v>
      </c>
      <c r="I21" s="567">
        <v>0</v>
      </c>
      <c r="J21" s="567">
        <v>0</v>
      </c>
      <c r="K21" s="567">
        <v>0</v>
      </c>
      <c r="L21" s="568">
        <v>0</v>
      </c>
      <c r="M21" s="921"/>
    </row>
    <row r="22" spans="1:13" s="289" customFormat="1" ht="10.5" x14ac:dyDescent="0.2">
      <c r="A22" s="591" t="s">
        <v>811</v>
      </c>
      <c r="B22" s="567">
        <v>9229000</v>
      </c>
      <c r="C22" s="567">
        <v>8715000</v>
      </c>
      <c r="D22" s="567">
        <v>-100393.04000000001</v>
      </c>
      <c r="E22" s="567">
        <v>4316850.0100000016</v>
      </c>
      <c r="F22" s="567">
        <v>2.9395311317468257E-2</v>
      </c>
      <c r="G22" s="567">
        <v>4398149.9899999984</v>
      </c>
      <c r="H22" s="567">
        <v>816282.82</v>
      </c>
      <c r="I22" s="567">
        <v>3978896.5599999991</v>
      </c>
      <c r="J22" s="567">
        <v>2.9260358892962381E-2</v>
      </c>
      <c r="K22" s="567">
        <v>4736103.4400000013</v>
      </c>
      <c r="L22" s="568">
        <v>337953.45000000251</v>
      </c>
      <c r="M22" s="761"/>
    </row>
    <row r="23" spans="1:13" s="289" customFormat="1" ht="10.5" x14ac:dyDescent="0.2">
      <c r="A23" s="591" t="s">
        <v>749</v>
      </c>
      <c r="B23" s="567">
        <v>2081000</v>
      </c>
      <c r="C23" s="567">
        <v>2294000</v>
      </c>
      <c r="D23" s="567">
        <v>-144556.94</v>
      </c>
      <c r="E23" s="567">
        <v>1328998.28</v>
      </c>
      <c r="F23" s="567">
        <v>9.049727947573475E-3</v>
      </c>
      <c r="G23" s="567">
        <v>965001.72</v>
      </c>
      <c r="H23" s="567">
        <v>415090.74000000005</v>
      </c>
      <c r="I23" s="567">
        <v>1267943.4700000002</v>
      </c>
      <c r="J23" s="567">
        <v>9.3243140224253777E-3</v>
      </c>
      <c r="K23" s="567">
        <v>1026056.5299999998</v>
      </c>
      <c r="L23" s="568">
        <v>61054.809999999823</v>
      </c>
      <c r="M23" s="228"/>
    </row>
    <row r="24" spans="1:13" ht="10.5" x14ac:dyDescent="0.2">
      <c r="A24" s="591"/>
      <c r="B24" s="567"/>
      <c r="C24" s="565"/>
      <c r="D24" s="565"/>
      <c r="E24" s="565"/>
      <c r="F24" s="565"/>
      <c r="G24" s="565"/>
      <c r="H24" s="565"/>
      <c r="I24" s="565"/>
      <c r="J24" s="565"/>
      <c r="K24" s="565"/>
      <c r="L24" s="568"/>
    </row>
    <row r="25" spans="1:13" s="73" customFormat="1" ht="10.5" x14ac:dyDescent="0.2">
      <c r="A25" s="172" t="s">
        <v>750</v>
      </c>
      <c r="B25" s="565">
        <v>423182600</v>
      </c>
      <c r="C25" s="565">
        <v>471724198.81999999</v>
      </c>
      <c r="D25" s="565">
        <v>92220316.950000033</v>
      </c>
      <c r="E25" s="565">
        <v>451450401.56999975</v>
      </c>
      <c r="F25" s="565">
        <v>3.0741223502797119</v>
      </c>
      <c r="G25" s="565">
        <v>20273797.250000179</v>
      </c>
      <c r="H25" s="565">
        <v>91841752.900000006</v>
      </c>
      <c r="I25" s="565">
        <v>431085144.93000007</v>
      </c>
      <c r="J25" s="565">
        <v>3.1701517905447902</v>
      </c>
      <c r="K25" s="565">
        <v>40639053.889999956</v>
      </c>
      <c r="L25" s="566">
        <v>20365256.639999773</v>
      </c>
      <c r="M25" s="166"/>
    </row>
    <row r="26" spans="1:13" s="73" customFormat="1" ht="10.5" x14ac:dyDescent="0.2">
      <c r="A26" s="591" t="s">
        <v>646</v>
      </c>
      <c r="B26" s="567">
        <v>3610000</v>
      </c>
      <c r="C26" s="567">
        <v>4610000</v>
      </c>
      <c r="D26" s="567">
        <v>766360.15</v>
      </c>
      <c r="E26" s="567">
        <v>2153833.5</v>
      </c>
      <c r="F26" s="698">
        <v>1.4666390102002234E-2</v>
      </c>
      <c r="G26" s="567">
        <v>2456166.5</v>
      </c>
      <c r="H26" s="567">
        <v>819104.85</v>
      </c>
      <c r="I26" s="567">
        <v>2110502.2999999998</v>
      </c>
      <c r="J26" s="698">
        <v>1.5520397127997358E-2</v>
      </c>
      <c r="K26" s="567">
        <v>2499497.7000000002</v>
      </c>
      <c r="L26" s="568">
        <v>43331.200000000186</v>
      </c>
      <c r="M26" s="166"/>
    </row>
    <row r="27" spans="1:13" s="289" customFormat="1" ht="10.5" x14ac:dyDescent="0.2">
      <c r="A27" s="591" t="s">
        <v>647</v>
      </c>
      <c r="B27" s="749">
        <v>253315600</v>
      </c>
      <c r="C27" s="567">
        <v>274005600</v>
      </c>
      <c r="D27" s="567">
        <v>68472017.880000025</v>
      </c>
      <c r="E27" s="567">
        <v>273286525.78999978</v>
      </c>
      <c r="F27" s="567">
        <v>1.860926945772285</v>
      </c>
      <c r="G27" s="567">
        <v>719074.21000021696</v>
      </c>
      <c r="H27" s="567">
        <v>58658176.590000026</v>
      </c>
      <c r="I27" s="567">
        <v>258930433.0099999</v>
      </c>
      <c r="J27" s="567">
        <v>1.9041453538522632</v>
      </c>
      <c r="K27" s="567">
        <v>15075166.990000099</v>
      </c>
      <c r="L27" s="568">
        <v>14356092.779999882</v>
      </c>
      <c r="M27" s="228"/>
    </row>
    <row r="28" spans="1:13" s="289" customFormat="1" ht="10.5" x14ac:dyDescent="0.2">
      <c r="A28" s="591" t="s">
        <v>648</v>
      </c>
      <c r="B28" s="567">
        <v>43485000</v>
      </c>
      <c r="C28" s="567">
        <v>52653500</v>
      </c>
      <c r="D28" s="567">
        <v>7472630.54</v>
      </c>
      <c r="E28" s="567">
        <v>45967549.589999996</v>
      </c>
      <c r="F28" s="567">
        <v>0.31301305988604633</v>
      </c>
      <c r="G28" s="567">
        <v>6685950.4100000039</v>
      </c>
      <c r="H28" s="567">
        <v>7109666.080000001</v>
      </c>
      <c r="I28" s="567">
        <v>41594120.690000042</v>
      </c>
      <c r="J28" s="567">
        <v>0.3058784969334799</v>
      </c>
      <c r="K28" s="567">
        <v>11059379.309999958</v>
      </c>
      <c r="L28" s="568">
        <v>4373428.8999999538</v>
      </c>
      <c r="M28" s="228"/>
    </row>
    <row r="29" spans="1:13" s="289" customFormat="1" ht="10.5" x14ac:dyDescent="0.2">
      <c r="A29" s="591" t="s">
        <v>651</v>
      </c>
      <c r="B29" s="567">
        <v>358000</v>
      </c>
      <c r="C29" s="567">
        <v>358000</v>
      </c>
      <c r="D29" s="567">
        <v>-101527.15</v>
      </c>
      <c r="E29" s="567">
        <v>124299.38999999998</v>
      </c>
      <c r="F29" s="567">
        <v>8.4640866769920484E-4</v>
      </c>
      <c r="G29" s="567">
        <v>233700.61000000002</v>
      </c>
      <c r="H29" s="567">
        <v>20412.78</v>
      </c>
      <c r="I29" s="567">
        <v>124299.39</v>
      </c>
      <c r="J29" s="567">
        <v>9.1408376838434324E-4</v>
      </c>
      <c r="K29" s="567">
        <v>233700.61</v>
      </c>
      <c r="L29" s="568">
        <v>0</v>
      </c>
      <c r="M29" s="228"/>
    </row>
    <row r="30" spans="1:13" s="289" customFormat="1" ht="10.5" x14ac:dyDescent="0.2">
      <c r="A30" s="591" t="s">
        <v>655</v>
      </c>
      <c r="B30" s="567">
        <v>12525000</v>
      </c>
      <c r="C30" s="567">
        <v>23675000</v>
      </c>
      <c r="D30" s="567">
        <v>270241.1700000001</v>
      </c>
      <c r="E30" s="567">
        <v>13654190.020000003</v>
      </c>
      <c r="F30" s="567">
        <v>9.2977325016156409E-2</v>
      </c>
      <c r="G30" s="567">
        <v>10020809.979999997</v>
      </c>
      <c r="H30" s="567">
        <v>1996553.07</v>
      </c>
      <c r="I30" s="567">
        <v>12081051.179999992</v>
      </c>
      <c r="J30" s="567">
        <v>8.8842694953358267E-2</v>
      </c>
      <c r="K30" s="567">
        <v>11593948.820000008</v>
      </c>
      <c r="L30" s="568">
        <v>1573138.840000011</v>
      </c>
      <c r="M30" s="228"/>
    </row>
    <row r="31" spans="1:13" s="289" customFormat="1" ht="10.5" x14ac:dyDescent="0.2">
      <c r="A31" s="591" t="s">
        <v>687</v>
      </c>
      <c r="B31" s="567">
        <v>109889000</v>
      </c>
      <c r="C31" s="567">
        <v>116422098.81999999</v>
      </c>
      <c r="D31" s="567">
        <v>15340594.359999999</v>
      </c>
      <c r="E31" s="567">
        <v>116264003.28000003</v>
      </c>
      <c r="F31" s="567">
        <v>0.79169222083552326</v>
      </c>
      <c r="G31" s="567">
        <v>158095.53999996185</v>
      </c>
      <c r="H31" s="567">
        <v>23237839.529999994</v>
      </c>
      <c r="I31" s="567">
        <v>116244738.3600001</v>
      </c>
      <c r="J31" s="567">
        <v>0.85485076390930737</v>
      </c>
      <c r="K31" s="567">
        <v>177360.45999988914</v>
      </c>
      <c r="L31" s="568">
        <v>19264.919999927282</v>
      </c>
      <c r="M31" s="228"/>
    </row>
    <row r="32" spans="1:13" s="289" customFormat="1" ht="10.5" x14ac:dyDescent="0.2">
      <c r="A32" s="591"/>
      <c r="B32" s="567"/>
      <c r="C32" s="567"/>
      <c r="D32" s="567"/>
      <c r="E32" s="567"/>
      <c r="F32" s="567"/>
      <c r="G32" s="567"/>
      <c r="H32" s="567"/>
      <c r="I32" s="567"/>
      <c r="J32" s="567"/>
      <c r="K32" s="567"/>
      <c r="L32" s="568"/>
      <c r="M32" s="228"/>
    </row>
    <row r="33" spans="1:13" s="73" customFormat="1" ht="10.5" x14ac:dyDescent="0.2">
      <c r="A33" s="152" t="s">
        <v>649</v>
      </c>
      <c r="B33" s="565">
        <v>778172500</v>
      </c>
      <c r="C33" s="565">
        <v>905841013.78999996</v>
      </c>
      <c r="D33" s="565">
        <v>111335534.36</v>
      </c>
      <c r="E33" s="565">
        <v>681080692.32999957</v>
      </c>
      <c r="F33" s="565">
        <v>4.6377749833743112</v>
      </c>
      <c r="G33" s="565">
        <v>224760321.46000043</v>
      </c>
      <c r="H33" s="565">
        <v>93774384.419999972</v>
      </c>
      <c r="I33" s="565">
        <v>629229432.27999973</v>
      </c>
      <c r="J33" s="565">
        <v>4.6272826490688574</v>
      </c>
      <c r="K33" s="565">
        <v>276611581.51000017</v>
      </c>
      <c r="L33" s="566">
        <v>51851260.049999774</v>
      </c>
      <c r="M33" s="166"/>
    </row>
    <row r="34" spans="1:13" s="289" customFormat="1" ht="10.5" x14ac:dyDescent="0.2">
      <c r="A34" s="591" t="s">
        <v>650</v>
      </c>
      <c r="B34" s="567">
        <v>66000</v>
      </c>
      <c r="C34" s="567"/>
      <c r="D34" s="567"/>
      <c r="E34" s="567"/>
      <c r="F34" s="567">
        <v>0</v>
      </c>
      <c r="G34" s="567">
        <v>0</v>
      </c>
      <c r="H34" s="567">
        <v>0</v>
      </c>
      <c r="I34" s="567">
        <v>0</v>
      </c>
      <c r="J34" s="567">
        <v>0</v>
      </c>
      <c r="K34" s="567">
        <v>0</v>
      </c>
      <c r="L34" s="568">
        <v>0</v>
      </c>
      <c r="M34" s="228"/>
    </row>
    <row r="35" spans="1:13" s="289" customFormat="1" ht="10.5" x14ac:dyDescent="0.2">
      <c r="A35" s="591" t="s">
        <v>651</v>
      </c>
      <c r="B35" s="567">
        <v>370742100</v>
      </c>
      <c r="C35" s="567">
        <v>382843233.59999996</v>
      </c>
      <c r="D35" s="567">
        <v>3666223.7299999958</v>
      </c>
      <c r="E35" s="567">
        <v>191972617.17999938</v>
      </c>
      <c r="F35" s="567">
        <v>1.3072251371632055</v>
      </c>
      <c r="G35" s="567">
        <v>190870616.42000058</v>
      </c>
      <c r="H35" s="567">
        <v>20316192.829999983</v>
      </c>
      <c r="I35" s="567">
        <v>180613526.62999979</v>
      </c>
      <c r="J35" s="567">
        <v>1.3282116110395725</v>
      </c>
      <c r="K35" s="567">
        <v>202229706.97000018</v>
      </c>
      <c r="L35" s="568">
        <v>11359090.549999595</v>
      </c>
      <c r="M35" s="228"/>
    </row>
    <row r="36" spans="1:13" s="289" customFormat="1" ht="10.5" x14ac:dyDescent="0.2">
      <c r="A36" s="591" t="s">
        <v>652</v>
      </c>
      <c r="B36" s="567">
        <v>404969700</v>
      </c>
      <c r="C36" s="567">
        <v>519596180.18999994</v>
      </c>
      <c r="D36" s="567">
        <v>107669314.23</v>
      </c>
      <c r="E36" s="567">
        <v>489087177.95000011</v>
      </c>
      <c r="F36" s="567">
        <v>3.3304075480774569</v>
      </c>
      <c r="G36" s="567">
        <v>30509002.239999831</v>
      </c>
      <c r="H36" s="567">
        <v>73446191.589999989</v>
      </c>
      <c r="I36" s="567">
        <v>448595008.44999993</v>
      </c>
      <c r="J36" s="567">
        <v>3.2989173623650303</v>
      </c>
      <c r="K36" s="567">
        <v>71001171.74000001</v>
      </c>
      <c r="L36" s="568">
        <v>40492169.500000179</v>
      </c>
      <c r="M36" s="228"/>
    </row>
    <row r="37" spans="1:13" s="289" customFormat="1" ht="10.5" x14ac:dyDescent="0.2">
      <c r="A37" s="591" t="s">
        <v>653</v>
      </c>
      <c r="B37" s="567">
        <v>0</v>
      </c>
      <c r="C37" s="567">
        <v>1003400</v>
      </c>
      <c r="D37" s="567">
        <v>0</v>
      </c>
      <c r="E37" s="567">
        <v>0</v>
      </c>
      <c r="F37" s="567">
        <v>0</v>
      </c>
      <c r="G37" s="567">
        <v>1003400</v>
      </c>
      <c r="H37" s="567">
        <v>0</v>
      </c>
      <c r="I37" s="567">
        <v>0</v>
      </c>
      <c r="J37" s="567">
        <v>0</v>
      </c>
      <c r="K37" s="567">
        <v>1003400</v>
      </c>
      <c r="L37" s="568">
        <v>0</v>
      </c>
      <c r="M37" s="228"/>
    </row>
    <row r="38" spans="1:13" s="289" customFormat="1" ht="10.5" x14ac:dyDescent="0.2">
      <c r="A38" s="591" t="s">
        <v>654</v>
      </c>
      <c r="B38" s="567">
        <v>0</v>
      </c>
      <c r="C38" s="567">
        <v>0</v>
      </c>
      <c r="D38" s="567">
        <v>0</v>
      </c>
      <c r="E38" s="567">
        <v>0</v>
      </c>
      <c r="F38" s="567">
        <v>0</v>
      </c>
      <c r="G38" s="567">
        <v>0</v>
      </c>
      <c r="H38" s="567">
        <v>0</v>
      </c>
      <c r="I38" s="567">
        <v>0</v>
      </c>
      <c r="J38" s="567">
        <v>0</v>
      </c>
      <c r="K38" s="567">
        <v>0</v>
      </c>
      <c r="L38" s="568">
        <v>0</v>
      </c>
      <c r="M38" s="228"/>
    </row>
    <row r="39" spans="1:13" s="289" customFormat="1" ht="10.5" x14ac:dyDescent="0.2">
      <c r="A39" s="591" t="s">
        <v>751</v>
      </c>
      <c r="B39" s="567">
        <v>2394700</v>
      </c>
      <c r="C39" s="567">
        <v>2398200</v>
      </c>
      <c r="D39" s="567">
        <v>-3.6</v>
      </c>
      <c r="E39" s="567">
        <v>20897.2</v>
      </c>
      <c r="F39" s="567">
        <v>1.4229813364847427E-4</v>
      </c>
      <c r="G39" s="567">
        <v>2377302.7999999998</v>
      </c>
      <c r="H39" s="567">
        <v>12000</v>
      </c>
      <c r="I39" s="567">
        <v>20897.2</v>
      </c>
      <c r="J39" s="567">
        <v>1.5367566425451726E-4</v>
      </c>
      <c r="K39" s="567">
        <v>2377302.7999999998</v>
      </c>
      <c r="L39" s="568">
        <v>0</v>
      </c>
      <c r="M39" s="228"/>
    </row>
    <row r="40" spans="1:13" ht="10.5" x14ac:dyDescent="0.2">
      <c r="A40" s="591"/>
      <c r="B40" s="567"/>
      <c r="C40" s="565"/>
      <c r="D40" s="565"/>
      <c r="E40" s="565"/>
      <c r="F40" s="565"/>
      <c r="G40" s="565"/>
      <c r="H40" s="565"/>
      <c r="I40" s="565"/>
      <c r="J40" s="565"/>
      <c r="K40" s="565"/>
      <c r="L40" s="568"/>
    </row>
    <row r="41" spans="1:13" s="73" customFormat="1" ht="10.5" x14ac:dyDescent="0.2">
      <c r="A41" s="152" t="s">
        <v>658</v>
      </c>
      <c r="B41" s="565">
        <v>889668600</v>
      </c>
      <c r="C41" s="565">
        <v>1308164354.98</v>
      </c>
      <c r="D41" s="565">
        <v>201633470.83999997</v>
      </c>
      <c r="E41" s="565">
        <v>1217956624.5600007</v>
      </c>
      <c r="F41" s="565">
        <v>8.2935969670426442</v>
      </c>
      <c r="G41" s="565">
        <v>90207730.419999406</v>
      </c>
      <c r="H41" s="565">
        <v>182528515.16999999</v>
      </c>
      <c r="I41" s="565">
        <v>1078036800.4400039</v>
      </c>
      <c r="J41" s="565">
        <v>7.9277616809157223</v>
      </c>
      <c r="K41" s="565">
        <v>230127554.5399963</v>
      </c>
      <c r="L41" s="566">
        <v>139919824.11999688</v>
      </c>
      <c r="M41" s="166"/>
    </row>
    <row r="42" spans="1:13" s="289" customFormat="1" ht="10.5" x14ac:dyDescent="0.2">
      <c r="A42" s="591" t="s">
        <v>659</v>
      </c>
      <c r="B42" s="567">
        <v>845140500</v>
      </c>
      <c r="C42" s="567">
        <v>1235703097.1500001</v>
      </c>
      <c r="D42" s="567">
        <v>200665156.88999999</v>
      </c>
      <c r="E42" s="567">
        <v>1158395008.0300007</v>
      </c>
      <c r="F42" s="567">
        <v>7.8880159863703492</v>
      </c>
      <c r="G42" s="567">
        <v>77308089.119999409</v>
      </c>
      <c r="H42" s="567">
        <v>178566642.60999998</v>
      </c>
      <c r="I42" s="567">
        <v>1062483028.0000038</v>
      </c>
      <c r="J42" s="567">
        <v>7.8133809834356489</v>
      </c>
      <c r="K42" s="567">
        <v>173220069.14999628</v>
      </c>
      <c r="L42" s="568">
        <v>95911980.029996872</v>
      </c>
      <c r="M42" s="228"/>
    </row>
    <row r="43" spans="1:13" s="289" customFormat="1" ht="10.5" x14ac:dyDescent="0.2">
      <c r="A43" s="591" t="s">
        <v>660</v>
      </c>
      <c r="B43" s="567">
        <v>40500100</v>
      </c>
      <c r="C43" s="567">
        <v>68570954</v>
      </c>
      <c r="D43" s="567">
        <v>957038.95</v>
      </c>
      <c r="E43" s="567">
        <v>59519516.540000007</v>
      </c>
      <c r="F43" s="567">
        <v>0.40529430350963269</v>
      </c>
      <c r="G43" s="567">
        <v>9051437.4599999934</v>
      </c>
      <c r="H43" s="567">
        <v>3950597.5600000005</v>
      </c>
      <c r="I43" s="567">
        <v>15511672.450000001</v>
      </c>
      <c r="J43" s="567">
        <v>0.11407109887699046</v>
      </c>
      <c r="K43" s="567">
        <v>53059281.549999997</v>
      </c>
      <c r="L43" s="568">
        <v>44007844.090000004</v>
      </c>
      <c r="M43" s="228"/>
    </row>
    <row r="44" spans="1:13" s="289" customFormat="1" ht="10.5" x14ac:dyDescent="0.2">
      <c r="A44" s="591" t="s">
        <v>686</v>
      </c>
      <c r="B44" s="567">
        <v>4028000</v>
      </c>
      <c r="C44" s="567">
        <v>3890303.83</v>
      </c>
      <c r="D44" s="567">
        <v>11275</v>
      </c>
      <c r="E44" s="567">
        <v>42099.990000000005</v>
      </c>
      <c r="F44" s="567">
        <v>2.8667716266387032E-4</v>
      </c>
      <c r="G44" s="567">
        <v>3848203.84</v>
      </c>
      <c r="H44" s="567">
        <v>11275</v>
      </c>
      <c r="I44" s="567">
        <v>42099.990000000005</v>
      </c>
      <c r="J44" s="567">
        <v>3.0959860308359658E-4</v>
      </c>
      <c r="K44" s="567">
        <v>3848203.84</v>
      </c>
      <c r="L44" s="568">
        <v>0</v>
      </c>
      <c r="M44" s="228"/>
    </row>
    <row r="45" spans="1:13" ht="10.5" x14ac:dyDescent="0.2">
      <c r="A45" s="591"/>
      <c r="B45" s="567"/>
      <c r="C45" s="565"/>
      <c r="D45" s="565"/>
      <c r="E45" s="565"/>
      <c r="F45" s="565"/>
      <c r="G45" s="565"/>
      <c r="H45" s="565"/>
      <c r="I45" s="565"/>
      <c r="J45" s="565"/>
      <c r="K45" s="565"/>
      <c r="L45" s="568"/>
    </row>
    <row r="46" spans="1:13" s="73" customFormat="1" ht="10.5" x14ac:dyDescent="0.2">
      <c r="A46" s="152" t="s">
        <v>661</v>
      </c>
      <c r="B46" s="565">
        <v>240052900</v>
      </c>
      <c r="C46" s="565">
        <v>222455213.99999994</v>
      </c>
      <c r="D46" s="565">
        <v>31995967.160000023</v>
      </c>
      <c r="E46" s="565">
        <v>176645070.40000024</v>
      </c>
      <c r="F46" s="565">
        <v>1.2028531973720584</v>
      </c>
      <c r="G46" s="565">
        <v>45810143.599999689</v>
      </c>
      <c r="H46" s="565">
        <v>34922363.010000028</v>
      </c>
      <c r="I46" s="565">
        <v>166723741.82999989</v>
      </c>
      <c r="J46" s="565">
        <v>1.2260676919742297</v>
      </c>
      <c r="K46" s="565">
        <v>55731472.170000046</v>
      </c>
      <c r="L46" s="566">
        <v>9921328.5700003561</v>
      </c>
      <c r="M46" s="166"/>
    </row>
    <row r="47" spans="1:13" s="289" customFormat="1" ht="10.5" x14ac:dyDescent="0.2">
      <c r="A47" s="591" t="s">
        <v>752</v>
      </c>
      <c r="B47" s="567">
        <v>291200</v>
      </c>
      <c r="C47" s="567">
        <v>291500</v>
      </c>
      <c r="D47" s="567">
        <v>68742.89999999998</v>
      </c>
      <c r="E47" s="567">
        <v>190093.06999999998</v>
      </c>
      <c r="F47" s="567">
        <v>1.2944264820410759E-3</v>
      </c>
      <c r="G47" s="567">
        <v>101406.93000000002</v>
      </c>
      <c r="H47" s="567">
        <v>84596.31</v>
      </c>
      <c r="I47" s="567">
        <v>189119.21999999997</v>
      </c>
      <c r="J47" s="567">
        <v>1.3907615257927463E-3</v>
      </c>
      <c r="K47" s="567">
        <v>102380.78000000003</v>
      </c>
      <c r="L47" s="568">
        <v>973.85000000000582</v>
      </c>
      <c r="M47" s="228"/>
    </row>
    <row r="48" spans="1:13" s="289" customFormat="1" ht="10.5" x14ac:dyDescent="0.2">
      <c r="A48" s="591" t="s">
        <v>662</v>
      </c>
      <c r="B48" s="567">
        <v>239761600</v>
      </c>
      <c r="C48" s="567">
        <v>222163513.99999994</v>
      </c>
      <c r="D48" s="567">
        <v>31927224.260000024</v>
      </c>
      <c r="E48" s="567">
        <v>176454977.33000025</v>
      </c>
      <c r="F48" s="567">
        <v>1.2015587708900175</v>
      </c>
      <c r="G48" s="567">
        <v>45708536.669999689</v>
      </c>
      <c r="H48" s="567">
        <v>34837766.700000025</v>
      </c>
      <c r="I48" s="567">
        <v>166534622.6099999</v>
      </c>
      <c r="J48" s="567">
        <v>1.2246769304484371</v>
      </c>
      <c r="K48" s="567">
        <v>55628891.390000045</v>
      </c>
      <c r="L48" s="568">
        <v>9920354.7200003564</v>
      </c>
      <c r="M48" s="228"/>
    </row>
    <row r="49" spans="1:13" s="289" customFormat="1" ht="10.5" x14ac:dyDescent="0.2">
      <c r="A49" s="591" t="s">
        <v>688</v>
      </c>
      <c r="B49" s="567">
        <v>100</v>
      </c>
      <c r="C49" s="567">
        <v>100</v>
      </c>
      <c r="D49" s="567">
        <v>0</v>
      </c>
      <c r="E49" s="567">
        <v>0</v>
      </c>
      <c r="F49" s="567">
        <v>0</v>
      </c>
      <c r="G49" s="567">
        <v>100</v>
      </c>
      <c r="H49" s="567">
        <v>0</v>
      </c>
      <c r="I49" s="567">
        <v>0</v>
      </c>
      <c r="J49" s="567">
        <v>0</v>
      </c>
      <c r="K49" s="567">
        <v>100</v>
      </c>
      <c r="L49" s="568">
        <v>0</v>
      </c>
      <c r="M49" s="228"/>
    </row>
    <row r="50" spans="1:13" s="289" customFormat="1" ht="10.5" x14ac:dyDescent="0.2">
      <c r="A50" s="591" t="s">
        <v>687</v>
      </c>
      <c r="B50" s="567">
        <v>0</v>
      </c>
      <c r="C50" s="567">
        <v>100</v>
      </c>
      <c r="D50" s="567">
        <v>0</v>
      </c>
      <c r="E50" s="567">
        <v>0</v>
      </c>
      <c r="F50" s="567">
        <v>0</v>
      </c>
      <c r="G50" s="567">
        <v>100</v>
      </c>
      <c r="H50" s="567">
        <v>0</v>
      </c>
      <c r="I50" s="567">
        <v>0</v>
      </c>
      <c r="J50" s="567">
        <v>0</v>
      </c>
      <c r="K50" s="567">
        <v>100</v>
      </c>
      <c r="L50" s="568">
        <v>0</v>
      </c>
      <c r="M50" s="228"/>
    </row>
    <row r="51" spans="1:13" s="289" customFormat="1" ht="10.5" x14ac:dyDescent="0.2">
      <c r="A51" s="591"/>
      <c r="B51" s="567"/>
      <c r="C51" s="567"/>
      <c r="D51" s="567"/>
      <c r="E51" s="567"/>
      <c r="F51" s="567"/>
      <c r="G51" s="567"/>
      <c r="H51" s="567"/>
      <c r="I51" s="567"/>
      <c r="J51" s="567"/>
      <c r="K51" s="567"/>
      <c r="L51" s="568"/>
      <c r="M51" s="228"/>
    </row>
    <row r="52" spans="1:13" s="73" customFormat="1" ht="10.5" x14ac:dyDescent="0.2">
      <c r="A52" s="152" t="s">
        <v>663</v>
      </c>
      <c r="B52" s="565">
        <v>1547322700</v>
      </c>
      <c r="C52" s="565">
        <v>2120948859.9999998</v>
      </c>
      <c r="D52" s="565">
        <v>495007721.21999997</v>
      </c>
      <c r="E52" s="565">
        <v>2076723060.0799997</v>
      </c>
      <c r="F52" s="565">
        <v>14.141311541935393</v>
      </c>
      <c r="G52" s="565">
        <v>44225799.920000076</v>
      </c>
      <c r="H52" s="565">
        <v>344667993.18999988</v>
      </c>
      <c r="I52" s="565">
        <v>1871739316.8999994</v>
      </c>
      <c r="J52" s="565">
        <v>13.764560938111506</v>
      </c>
      <c r="K52" s="565">
        <v>249209543.10000038</v>
      </c>
      <c r="L52" s="566">
        <v>204983743.18000031</v>
      </c>
      <c r="M52" s="166"/>
    </row>
    <row r="53" spans="1:13" s="289" customFormat="1" ht="10.5" x14ac:dyDescent="0.2">
      <c r="A53" s="591" t="s">
        <v>664</v>
      </c>
      <c r="B53" s="567">
        <v>1547322700</v>
      </c>
      <c r="C53" s="567">
        <v>2120948859.9999998</v>
      </c>
      <c r="D53" s="567">
        <v>495007721.21999997</v>
      </c>
      <c r="E53" s="567">
        <v>2076723060.0799997</v>
      </c>
      <c r="F53" s="567">
        <v>14.141311541935393</v>
      </c>
      <c r="G53" s="567">
        <v>44225799.920000076</v>
      </c>
      <c r="H53" s="567">
        <v>344667993.18999988</v>
      </c>
      <c r="I53" s="567">
        <v>1871739316.8999994</v>
      </c>
      <c r="J53" s="567">
        <v>13.764560938111506</v>
      </c>
      <c r="K53" s="567">
        <v>249209543.10000038</v>
      </c>
      <c r="L53" s="568">
        <v>204983743.18000031</v>
      </c>
      <c r="M53" s="228"/>
    </row>
    <row r="54" spans="1:13" ht="10.5" x14ac:dyDescent="0.2">
      <c r="A54" s="591"/>
      <c r="B54" s="567"/>
      <c r="C54" s="565"/>
      <c r="D54" s="565"/>
      <c r="E54" s="565"/>
      <c r="F54" s="565"/>
      <c r="G54" s="565"/>
      <c r="H54" s="565"/>
      <c r="I54" s="565"/>
      <c r="J54" s="565"/>
      <c r="K54" s="565"/>
      <c r="L54" s="568"/>
    </row>
    <row r="55" spans="1:13" s="73" customFormat="1" ht="10.5" x14ac:dyDescent="0.2">
      <c r="A55" s="152" t="s">
        <v>665</v>
      </c>
      <c r="B55" s="565">
        <v>1074951200</v>
      </c>
      <c r="C55" s="565">
        <v>1178954500.0000002</v>
      </c>
      <c r="D55" s="565">
        <v>80595041.170000002</v>
      </c>
      <c r="E55" s="565">
        <v>907118225.20000029</v>
      </c>
      <c r="F55" s="565">
        <v>6.1769629636734305</v>
      </c>
      <c r="G55" s="565">
        <v>271836274.79999989</v>
      </c>
      <c r="H55" s="565">
        <v>237253378.96000007</v>
      </c>
      <c r="I55" s="565">
        <v>817110194.42000067</v>
      </c>
      <c r="J55" s="565">
        <v>6.0089366947070104</v>
      </c>
      <c r="K55" s="565">
        <v>361844305.57999951</v>
      </c>
      <c r="L55" s="566">
        <v>90008030.779999688</v>
      </c>
      <c r="M55" s="166"/>
    </row>
    <row r="56" spans="1:13" ht="10.5" x14ac:dyDescent="0.2">
      <c r="A56" s="25" t="s">
        <v>651</v>
      </c>
      <c r="B56" s="567">
        <v>333011100</v>
      </c>
      <c r="C56" s="567">
        <v>293407772.23000008</v>
      </c>
      <c r="D56" s="567">
        <v>300450.38999999058</v>
      </c>
      <c r="E56" s="567">
        <v>220815296.20000011</v>
      </c>
      <c r="F56" s="567">
        <v>1.503627496999361</v>
      </c>
      <c r="G56" s="567">
        <v>72592476.029999971</v>
      </c>
      <c r="H56" s="567">
        <v>52535606.580000021</v>
      </c>
      <c r="I56" s="567">
        <v>208059312.73000008</v>
      </c>
      <c r="J56" s="567">
        <v>1.5300448427598481</v>
      </c>
      <c r="K56" s="567">
        <v>85348459.5</v>
      </c>
      <c r="L56" s="568">
        <v>12755983.470000029</v>
      </c>
    </row>
    <row r="57" spans="1:13" ht="10.5" x14ac:dyDescent="0.2">
      <c r="A57" s="25" t="s">
        <v>753</v>
      </c>
      <c r="B57" s="567">
        <v>2181000</v>
      </c>
      <c r="C57" s="567">
        <v>456000</v>
      </c>
      <c r="D57" s="567">
        <v>-5104.09</v>
      </c>
      <c r="E57" s="567">
        <v>41004.810000000005</v>
      </c>
      <c r="F57" s="567">
        <v>2.792196051916187E-4</v>
      </c>
      <c r="G57" s="567">
        <v>414995.19</v>
      </c>
      <c r="H57" s="567">
        <v>7504.7699999999995</v>
      </c>
      <c r="I57" s="567">
        <v>27830.65</v>
      </c>
      <c r="J57" s="567">
        <v>2.0466347766136042E-4</v>
      </c>
      <c r="K57" s="567">
        <v>428169.35</v>
      </c>
      <c r="L57" s="568">
        <v>13174.160000000003</v>
      </c>
    </row>
    <row r="58" spans="1:13" ht="10.5" x14ac:dyDescent="0.2">
      <c r="A58" s="25" t="s">
        <v>655</v>
      </c>
      <c r="B58" s="567">
        <v>4578100</v>
      </c>
      <c r="C58" s="567">
        <v>3109792</v>
      </c>
      <c r="D58" s="567">
        <v>-479963.58999999997</v>
      </c>
      <c r="E58" s="567">
        <v>855364.75999999989</v>
      </c>
      <c r="F58" s="567">
        <v>5.8245510851537572E-3</v>
      </c>
      <c r="G58" s="567">
        <v>2254427.2400000002</v>
      </c>
      <c r="H58" s="567">
        <v>231993.06</v>
      </c>
      <c r="I58" s="567">
        <v>717239.76</v>
      </c>
      <c r="J58" s="567">
        <v>5.2745007248698643E-3</v>
      </c>
      <c r="K58" s="567">
        <v>2392552.2400000002</v>
      </c>
      <c r="L58" s="568">
        <v>138124.99999999988</v>
      </c>
    </row>
    <row r="59" spans="1:13" ht="10.5" x14ac:dyDescent="0.2">
      <c r="A59" s="591" t="s">
        <v>667</v>
      </c>
      <c r="B59" s="567">
        <v>64744900</v>
      </c>
      <c r="C59" s="567">
        <v>60570000</v>
      </c>
      <c r="D59" s="567">
        <v>-3474738.0199999996</v>
      </c>
      <c r="E59" s="567">
        <v>46538509.079999998</v>
      </c>
      <c r="F59" s="567">
        <v>0.31690097165489028</v>
      </c>
      <c r="G59" s="567">
        <v>14031490.920000002</v>
      </c>
      <c r="H59" s="567">
        <v>20924848.149999999</v>
      </c>
      <c r="I59" s="567">
        <v>45867068.399999999</v>
      </c>
      <c r="J59" s="567">
        <v>0.33730127499269652</v>
      </c>
      <c r="K59" s="567">
        <v>14702931.600000001</v>
      </c>
      <c r="L59" s="568">
        <v>671440.6799999997</v>
      </c>
    </row>
    <row r="60" spans="1:13" ht="10.5" x14ac:dyDescent="0.2">
      <c r="A60" s="591" t="s">
        <v>668</v>
      </c>
      <c r="B60" s="567">
        <v>547235100</v>
      </c>
      <c r="C60" s="567">
        <v>662367288.77000022</v>
      </c>
      <c r="D60" s="567">
        <v>53586834.410000004</v>
      </c>
      <c r="E60" s="567">
        <v>523270416.84000027</v>
      </c>
      <c r="F60" s="567">
        <v>3.5631761054012592</v>
      </c>
      <c r="G60" s="567">
        <v>139096871.92999995</v>
      </c>
      <c r="H60" s="567">
        <v>135047458.16000003</v>
      </c>
      <c r="I60" s="567">
        <v>474854787.35000068</v>
      </c>
      <c r="J60" s="567">
        <v>3.4920288301996867</v>
      </c>
      <c r="K60" s="567">
        <v>187512501.41999954</v>
      </c>
      <c r="L60" s="568">
        <v>48415629.489999592</v>
      </c>
    </row>
    <row r="61" spans="1:13" ht="10.5" x14ac:dyDescent="0.2">
      <c r="A61" s="591" t="s">
        <v>669</v>
      </c>
      <c r="B61" s="567">
        <v>76275000</v>
      </c>
      <c r="C61" s="567">
        <v>102767851.00000001</v>
      </c>
      <c r="D61" s="567">
        <v>20569829.100000001</v>
      </c>
      <c r="E61" s="567">
        <v>78062204.950000048</v>
      </c>
      <c r="F61" s="567">
        <v>0.53155954256406102</v>
      </c>
      <c r="G61" s="567">
        <v>24705646.049999967</v>
      </c>
      <c r="H61" s="567">
        <v>20127865.59</v>
      </c>
      <c r="I61" s="567">
        <v>64359502.149999984</v>
      </c>
      <c r="J61" s="567">
        <v>0.47329255804563669</v>
      </c>
      <c r="K61" s="567">
        <v>38408348.850000031</v>
      </c>
      <c r="L61" s="568">
        <v>13702702.800000064</v>
      </c>
    </row>
    <row r="62" spans="1:13" ht="10.5" x14ac:dyDescent="0.2">
      <c r="A62" s="591" t="s">
        <v>670</v>
      </c>
      <c r="B62" s="567">
        <v>17119600</v>
      </c>
      <c r="C62" s="567">
        <v>24078899.999999996</v>
      </c>
      <c r="D62" s="567">
        <v>3276669.4000000004</v>
      </c>
      <c r="E62" s="567">
        <v>18580192.679999996</v>
      </c>
      <c r="F62" s="567">
        <v>0.12652062195858979</v>
      </c>
      <c r="G62" s="567">
        <v>5498707.3200000003</v>
      </c>
      <c r="H62" s="567">
        <v>4382215.22</v>
      </c>
      <c r="I62" s="567">
        <v>11113605.410000006</v>
      </c>
      <c r="J62" s="567">
        <v>8.1728207302621758E-2</v>
      </c>
      <c r="K62" s="567">
        <v>12965294.589999991</v>
      </c>
      <c r="L62" s="568">
        <v>7466587.2699999902</v>
      </c>
    </row>
    <row r="63" spans="1:13" ht="10.5" x14ac:dyDescent="0.2">
      <c r="A63" s="591" t="s">
        <v>671</v>
      </c>
      <c r="B63" s="567">
        <v>21281500</v>
      </c>
      <c r="C63" s="567">
        <v>24841199.999999996</v>
      </c>
      <c r="D63" s="567">
        <v>6594693.9500000002</v>
      </c>
      <c r="E63" s="567">
        <v>13586762.26</v>
      </c>
      <c r="F63" s="567">
        <v>9.2518180039599857E-2</v>
      </c>
      <c r="G63" s="567">
        <v>11254437.739999996</v>
      </c>
      <c r="H63" s="567">
        <v>2885520.2399999998</v>
      </c>
      <c r="I63" s="567">
        <v>7019396.0300000003</v>
      </c>
      <c r="J63" s="567">
        <v>5.1619850868813585E-2</v>
      </c>
      <c r="K63" s="567">
        <v>17821803.969999995</v>
      </c>
      <c r="L63" s="568">
        <v>6567366.2299999995</v>
      </c>
    </row>
    <row r="64" spans="1:13" ht="10.5" x14ac:dyDescent="0.2">
      <c r="A64" s="591" t="s">
        <v>672</v>
      </c>
      <c r="B64" s="567">
        <v>108000</v>
      </c>
      <c r="C64" s="567">
        <v>108000</v>
      </c>
      <c r="D64" s="567">
        <v>299.74</v>
      </c>
      <c r="E64" s="567">
        <v>52599.740000000005</v>
      </c>
      <c r="F64" s="567">
        <v>3.5817453210932557E-4</v>
      </c>
      <c r="G64" s="567">
        <v>55400.259999999995</v>
      </c>
      <c r="H64" s="567">
        <v>7866.3</v>
      </c>
      <c r="I64" s="567">
        <v>49004.18</v>
      </c>
      <c r="J64" s="567">
        <v>3.6037124173324313E-4</v>
      </c>
      <c r="K64" s="567">
        <v>58995.82</v>
      </c>
      <c r="L64" s="568">
        <v>3595.5600000000049</v>
      </c>
    </row>
    <row r="65" spans="1:13" ht="10.5" x14ac:dyDescent="0.2">
      <c r="A65" s="591" t="s">
        <v>673</v>
      </c>
      <c r="B65" s="567">
        <v>3661900</v>
      </c>
      <c r="C65" s="567">
        <v>3261900</v>
      </c>
      <c r="D65" s="567">
        <v>250979.3</v>
      </c>
      <c r="E65" s="567">
        <v>2425747.399999999</v>
      </c>
      <c r="F65" s="567">
        <v>1.6517970241115499E-2</v>
      </c>
      <c r="G65" s="567">
        <v>836152.60000000102</v>
      </c>
      <c r="H65" s="567">
        <v>399376.23</v>
      </c>
      <c r="I65" s="567">
        <v>2196815.1899999995</v>
      </c>
      <c r="J65" s="567">
        <v>1.6155132437248216E-2</v>
      </c>
      <c r="K65" s="567">
        <v>1065084.8100000005</v>
      </c>
      <c r="L65" s="568">
        <v>228932.2099999995</v>
      </c>
    </row>
    <row r="66" spans="1:13" ht="10.5" x14ac:dyDescent="0.2">
      <c r="A66" s="591" t="s">
        <v>677</v>
      </c>
      <c r="B66" s="567">
        <v>3687000</v>
      </c>
      <c r="C66" s="567">
        <v>2417796</v>
      </c>
      <c r="D66" s="567">
        <v>16887.79</v>
      </c>
      <c r="E66" s="567">
        <v>1363923.6900000002</v>
      </c>
      <c r="F66" s="567">
        <v>9.287550271133942E-3</v>
      </c>
      <c r="G66" s="567">
        <v>1053872.3099999998</v>
      </c>
      <c r="H66" s="567">
        <v>295527.13000000006</v>
      </c>
      <c r="I66" s="567">
        <v>1319429.7799999993</v>
      </c>
      <c r="J66" s="567">
        <v>9.7029385696979237E-3</v>
      </c>
      <c r="K66" s="567">
        <v>1098366.2200000007</v>
      </c>
      <c r="L66" s="568">
        <v>44493.910000000848</v>
      </c>
    </row>
    <row r="67" spans="1:13" ht="10.5" x14ac:dyDescent="0.2">
      <c r="A67" s="591" t="s">
        <v>729</v>
      </c>
      <c r="B67" s="567">
        <v>1068000</v>
      </c>
      <c r="C67" s="567">
        <v>1568000</v>
      </c>
      <c r="D67" s="567">
        <v>-41797.21</v>
      </c>
      <c r="E67" s="567">
        <v>1526202.79</v>
      </c>
      <c r="F67" s="567">
        <v>1.0392579320966173E-2</v>
      </c>
      <c r="G67" s="567">
        <v>41797.209999999963</v>
      </c>
      <c r="H67" s="567">
        <v>407597.53</v>
      </c>
      <c r="I67" s="567">
        <v>1526202.79</v>
      </c>
      <c r="J67" s="567">
        <v>1.1223524086497114E-2</v>
      </c>
      <c r="K67" s="567">
        <v>41797.209999999963</v>
      </c>
      <c r="L67" s="568">
        <v>0</v>
      </c>
    </row>
    <row r="68" spans="1:13" ht="10.5" x14ac:dyDescent="0.2">
      <c r="A68" s="591"/>
      <c r="B68" s="567"/>
      <c r="C68" s="565"/>
      <c r="D68" s="565"/>
      <c r="E68" s="565"/>
      <c r="F68" s="565"/>
      <c r="G68" s="565"/>
      <c r="H68" s="565"/>
      <c r="I68" s="565"/>
      <c r="J68" s="565"/>
      <c r="K68" s="565"/>
      <c r="L68" s="568"/>
    </row>
    <row r="69" spans="1:13" s="73" customFormat="1" ht="10.5" x14ac:dyDescent="0.2">
      <c r="A69" s="152" t="s">
        <v>666</v>
      </c>
      <c r="B69" s="565">
        <v>12324500</v>
      </c>
      <c r="C69" s="565">
        <v>13566555.039999999</v>
      </c>
      <c r="D69" s="565">
        <v>987377.6</v>
      </c>
      <c r="E69" s="565">
        <v>10623281.939999998</v>
      </c>
      <c r="F69" s="565">
        <v>7.2338552211949098E-2</v>
      </c>
      <c r="G69" s="565">
        <v>2943273.1000000015</v>
      </c>
      <c r="H69" s="565">
        <v>1398928.63</v>
      </c>
      <c r="I69" s="565">
        <v>9547480.3199999984</v>
      </c>
      <c r="J69" s="565">
        <v>7.0211099100976712E-2</v>
      </c>
      <c r="K69" s="565">
        <v>4019074.7200000021</v>
      </c>
      <c r="L69" s="566">
        <v>1075801.6200000006</v>
      </c>
      <c r="M69" s="166"/>
    </row>
    <row r="70" spans="1:13" s="289" customFormat="1" ht="10.5" x14ac:dyDescent="0.2">
      <c r="A70" s="591" t="s">
        <v>651</v>
      </c>
      <c r="B70" s="567">
        <v>5400000</v>
      </c>
      <c r="C70" s="567">
        <v>6308150.04</v>
      </c>
      <c r="D70" s="567">
        <v>878240.89</v>
      </c>
      <c r="E70" s="567">
        <v>6064903.1099999975</v>
      </c>
      <c r="F70" s="567">
        <v>4.129856599505325E-2</v>
      </c>
      <c r="G70" s="567">
        <v>243246.9300000025</v>
      </c>
      <c r="H70" s="567">
        <v>847076.14999999991</v>
      </c>
      <c r="I70" s="567">
        <v>5640877.9299999997</v>
      </c>
      <c r="J70" s="567">
        <v>4.1482383423204837E-2</v>
      </c>
      <c r="K70" s="567">
        <v>667272.11000000034</v>
      </c>
      <c r="L70" s="568">
        <v>424025.17999999784</v>
      </c>
      <c r="M70" s="228"/>
    </row>
    <row r="71" spans="1:13" s="289" customFormat="1" ht="10.5" x14ac:dyDescent="0.2">
      <c r="A71" s="591" t="s">
        <v>674</v>
      </c>
      <c r="B71" s="567">
        <v>6924500</v>
      </c>
      <c r="C71" s="567">
        <v>7258405</v>
      </c>
      <c r="D71" s="567">
        <v>109136.70999999999</v>
      </c>
      <c r="E71" s="567">
        <v>4558378.830000001</v>
      </c>
      <c r="F71" s="567">
        <v>3.1039986216895847E-2</v>
      </c>
      <c r="G71" s="567">
        <v>2700026.169999999</v>
      </c>
      <c r="H71" s="567">
        <v>551852.48</v>
      </c>
      <c r="I71" s="567">
        <v>3906602.3899999983</v>
      </c>
      <c r="J71" s="567">
        <v>2.8728715677771875E-2</v>
      </c>
      <c r="K71" s="567">
        <v>3351802.6100000017</v>
      </c>
      <c r="L71" s="568">
        <v>651776.44000000274</v>
      </c>
      <c r="M71" s="228"/>
    </row>
    <row r="72" spans="1:13" ht="10.5" x14ac:dyDescent="0.2">
      <c r="A72" s="591"/>
      <c r="B72" s="567"/>
      <c r="C72" s="565"/>
      <c r="D72" s="565"/>
      <c r="E72" s="565"/>
      <c r="F72" s="565"/>
      <c r="G72" s="565"/>
      <c r="H72" s="565"/>
      <c r="I72" s="565"/>
      <c r="J72" s="565"/>
      <c r="K72" s="565"/>
      <c r="L72" s="568"/>
    </row>
    <row r="73" spans="1:13" s="73" customFormat="1" ht="10.5" x14ac:dyDescent="0.2">
      <c r="A73" s="152" t="s">
        <v>682</v>
      </c>
      <c r="B73" s="565">
        <v>1479468400</v>
      </c>
      <c r="C73" s="565">
        <v>1680855086.5399997</v>
      </c>
      <c r="D73" s="565">
        <v>134184895.78000003</v>
      </c>
      <c r="E73" s="565">
        <v>1532312150.6299992</v>
      </c>
      <c r="F73" s="565">
        <v>10.434180617572146</v>
      </c>
      <c r="G73" s="565">
        <v>148542935.91000083</v>
      </c>
      <c r="H73" s="565">
        <v>211753816.51999998</v>
      </c>
      <c r="I73" s="565">
        <v>1352226873.4699998</v>
      </c>
      <c r="J73" s="565">
        <v>9.9441247154313146</v>
      </c>
      <c r="K73" s="565">
        <v>328628213.07000041</v>
      </c>
      <c r="L73" s="566">
        <v>180085277.15999949</v>
      </c>
      <c r="M73" s="166"/>
    </row>
    <row r="74" spans="1:13" s="289" customFormat="1" ht="10.5" x14ac:dyDescent="0.2">
      <c r="A74" s="25" t="s">
        <v>651</v>
      </c>
      <c r="B74" s="567">
        <v>1126742800</v>
      </c>
      <c r="C74" s="567">
        <v>1387757329.7999997</v>
      </c>
      <c r="D74" s="567">
        <v>131721306.15000004</v>
      </c>
      <c r="E74" s="567">
        <v>1343608768.3999989</v>
      </c>
      <c r="F74" s="567">
        <v>9.1492171246408578</v>
      </c>
      <c r="G74" s="567">
        <v>44148561.400000811</v>
      </c>
      <c r="H74" s="567">
        <v>175740113.83999997</v>
      </c>
      <c r="I74" s="567">
        <v>1186602965.5899994</v>
      </c>
      <c r="J74" s="567">
        <v>8.7261450789303456</v>
      </c>
      <c r="K74" s="567">
        <v>201154364.21000028</v>
      </c>
      <c r="L74" s="568">
        <v>157005802.80999947</v>
      </c>
      <c r="M74" s="228"/>
    </row>
    <row r="75" spans="1:13" s="289" customFormat="1" ht="10.5" x14ac:dyDescent="0.2">
      <c r="A75" s="591" t="s">
        <v>675</v>
      </c>
      <c r="B75" s="567">
        <v>34443400</v>
      </c>
      <c r="C75" s="567">
        <v>26416238.289999995</v>
      </c>
      <c r="D75" s="567">
        <v>-3792248.27</v>
      </c>
      <c r="E75" s="567">
        <v>17097293.420000006</v>
      </c>
      <c r="F75" s="567">
        <v>0.11642291522818084</v>
      </c>
      <c r="G75" s="567">
        <v>9318944.8699999899</v>
      </c>
      <c r="H75" s="567">
        <v>2109642.3099999996</v>
      </c>
      <c r="I75" s="567">
        <v>16625294.950000001</v>
      </c>
      <c r="J75" s="567">
        <v>0.12226055379995986</v>
      </c>
      <c r="K75" s="567">
        <v>9790943.3399999943</v>
      </c>
      <c r="L75" s="568">
        <v>471998.4700000044</v>
      </c>
      <c r="M75" s="228"/>
    </row>
    <row r="76" spans="1:13" s="289" customFormat="1" ht="10.5" x14ac:dyDescent="0.2">
      <c r="A76" s="591" t="s">
        <v>676</v>
      </c>
      <c r="B76" s="567">
        <v>35014400</v>
      </c>
      <c r="C76" s="567">
        <v>12233954</v>
      </c>
      <c r="D76" s="567">
        <v>433888.4999999993</v>
      </c>
      <c r="E76" s="567">
        <v>7586228.1100000003</v>
      </c>
      <c r="F76" s="567">
        <v>5.1657930320071224E-2</v>
      </c>
      <c r="G76" s="567">
        <v>4647725.8899999997</v>
      </c>
      <c r="H76" s="567">
        <v>41810.859999999993</v>
      </c>
      <c r="I76" s="567">
        <v>6906205.1000000006</v>
      </c>
      <c r="J76" s="567">
        <v>5.0787457468964015E-2</v>
      </c>
      <c r="K76" s="567">
        <v>5327748.8999999994</v>
      </c>
      <c r="L76" s="568">
        <v>680023.00999999978</v>
      </c>
      <c r="M76" s="228"/>
    </row>
    <row r="77" spans="1:13" s="289" customFormat="1" ht="10.5" x14ac:dyDescent="0.2">
      <c r="A77" s="591" t="s">
        <v>677</v>
      </c>
      <c r="B77" s="567">
        <v>21651100</v>
      </c>
      <c r="C77" s="567">
        <v>25541105.280000005</v>
      </c>
      <c r="D77" s="567">
        <v>1420851.49</v>
      </c>
      <c r="E77" s="567">
        <v>20805346.400000002</v>
      </c>
      <c r="F77" s="567">
        <v>0.14167266249210436</v>
      </c>
      <c r="G77" s="567">
        <v>4735758.8800000027</v>
      </c>
      <c r="H77" s="567">
        <v>3473875.78</v>
      </c>
      <c r="I77" s="567">
        <v>16872049.640000001</v>
      </c>
      <c r="J77" s="567">
        <v>0.12407516010576483</v>
      </c>
      <c r="K77" s="567">
        <v>8669055.6400000043</v>
      </c>
      <c r="L77" s="568">
        <v>3933296.7600000016</v>
      </c>
      <c r="M77" s="228"/>
    </row>
    <row r="78" spans="1:13" s="289" customFormat="1" ht="10.5" x14ac:dyDescent="0.2">
      <c r="A78" s="591" t="s">
        <v>678</v>
      </c>
      <c r="B78" s="567">
        <v>24613100</v>
      </c>
      <c r="C78" s="567">
        <v>22335170</v>
      </c>
      <c r="D78" s="567">
        <v>47697.739999999991</v>
      </c>
      <c r="E78" s="567">
        <v>12071966.160000002</v>
      </c>
      <c r="F78" s="567">
        <v>8.2203273837429841E-2</v>
      </c>
      <c r="G78" s="567">
        <v>10263203.839999998</v>
      </c>
      <c r="H78" s="567">
        <v>2503394.79</v>
      </c>
      <c r="I78" s="567">
        <v>11639219.129999999</v>
      </c>
      <c r="J78" s="567">
        <v>8.55935116286696E-2</v>
      </c>
      <c r="K78" s="567">
        <v>10695950.870000001</v>
      </c>
      <c r="L78" s="568">
        <v>432747.03000000305</v>
      </c>
      <c r="M78" s="228"/>
    </row>
    <row r="79" spans="1:13" s="289" customFormat="1" ht="10.5" x14ac:dyDescent="0.2">
      <c r="A79" s="591" t="s">
        <v>679</v>
      </c>
      <c r="B79" s="567">
        <v>187600</v>
      </c>
      <c r="C79" s="567">
        <v>47200</v>
      </c>
      <c r="D79" s="567">
        <v>0</v>
      </c>
      <c r="E79" s="567">
        <v>0</v>
      </c>
      <c r="F79" s="567">
        <v>0</v>
      </c>
      <c r="G79" s="567">
        <v>47200</v>
      </c>
      <c r="H79" s="567">
        <v>0</v>
      </c>
      <c r="I79" s="567">
        <v>0</v>
      </c>
      <c r="J79" s="567">
        <v>0</v>
      </c>
      <c r="K79" s="567">
        <v>47200</v>
      </c>
      <c r="L79" s="568">
        <v>0</v>
      </c>
      <c r="M79" s="228"/>
    </row>
    <row r="80" spans="1:13" s="289" customFormat="1" ht="10.5" x14ac:dyDescent="0.2">
      <c r="A80" s="591" t="s">
        <v>680</v>
      </c>
      <c r="B80" s="567">
        <v>5327000</v>
      </c>
      <c r="C80" s="567">
        <v>10885612.17</v>
      </c>
      <c r="D80" s="567">
        <v>636340.73999999987</v>
      </c>
      <c r="E80" s="567">
        <v>9306614.4499999993</v>
      </c>
      <c r="F80" s="567">
        <v>6.3372789982434091E-2</v>
      </c>
      <c r="G80" s="567">
        <v>1578997.7200000007</v>
      </c>
      <c r="H80" s="567">
        <v>262781.28000000003</v>
      </c>
      <c r="I80" s="567">
        <v>8886236.7800000012</v>
      </c>
      <c r="J80" s="567">
        <v>6.5348388295533494E-2</v>
      </c>
      <c r="K80" s="567">
        <v>1999375.3899999987</v>
      </c>
      <c r="L80" s="568">
        <v>420377.66999999806</v>
      </c>
      <c r="M80" s="228"/>
    </row>
    <row r="81" spans="1:13" s="289" customFormat="1" ht="10.5" x14ac:dyDescent="0.2">
      <c r="A81" s="591" t="s">
        <v>681</v>
      </c>
      <c r="B81" s="567">
        <v>19483200</v>
      </c>
      <c r="C81" s="567">
        <v>15567006</v>
      </c>
      <c r="D81" s="567">
        <v>2403994.9099999997</v>
      </c>
      <c r="E81" s="567">
        <v>8709902.0099999998</v>
      </c>
      <c r="F81" s="567">
        <v>5.930951516394993E-2</v>
      </c>
      <c r="G81" s="567">
        <v>6857103.9900000002</v>
      </c>
      <c r="H81" s="567">
        <v>3104660.59</v>
      </c>
      <c r="I81" s="567">
        <v>8387668.3899999997</v>
      </c>
      <c r="J81" s="567">
        <v>6.1681972291975348E-2</v>
      </c>
      <c r="K81" s="567">
        <v>7179337.6100000003</v>
      </c>
      <c r="L81" s="568">
        <v>322233.62000000011</v>
      </c>
      <c r="M81" s="228"/>
    </row>
    <row r="82" spans="1:13" s="289" customFormat="1" ht="10.5" x14ac:dyDescent="0.2">
      <c r="A82" s="591" t="s">
        <v>754</v>
      </c>
      <c r="B82" s="567">
        <v>185126400</v>
      </c>
      <c r="C82" s="567">
        <v>159967803</v>
      </c>
      <c r="D82" s="567">
        <v>863118.08999999845</v>
      </c>
      <c r="E82" s="567">
        <v>106867650.13999999</v>
      </c>
      <c r="F82" s="567">
        <v>0.72770836103976166</v>
      </c>
      <c r="G82" s="567">
        <v>53100152.860000014</v>
      </c>
      <c r="H82" s="567">
        <v>22987310.990000002</v>
      </c>
      <c r="I82" s="567">
        <v>90504694.229999945</v>
      </c>
      <c r="J82" s="567">
        <v>0.665561367261988</v>
      </c>
      <c r="K82" s="567">
        <v>69463108.770000055</v>
      </c>
      <c r="L82" s="568">
        <v>16362955.910000041</v>
      </c>
      <c r="M82" s="228"/>
    </row>
    <row r="83" spans="1:13" s="289" customFormat="1" ht="10.5" x14ac:dyDescent="0.2">
      <c r="A83" s="591" t="s">
        <v>703</v>
      </c>
      <c r="B83" s="567">
        <v>11318700</v>
      </c>
      <c r="C83" s="567">
        <v>7147507.830000001</v>
      </c>
      <c r="D83" s="567">
        <v>507295.18</v>
      </c>
      <c r="E83" s="567">
        <v>2849545.99</v>
      </c>
      <c r="F83" s="567">
        <v>1.940379936654164E-2</v>
      </c>
      <c r="G83" s="567">
        <v>4297961.8400000008</v>
      </c>
      <c r="H83" s="567">
        <v>720651.89</v>
      </c>
      <c r="I83" s="567">
        <v>2665508.5299999993</v>
      </c>
      <c r="J83" s="567">
        <v>1.9601850674914902E-2</v>
      </c>
      <c r="K83" s="567">
        <v>4481999.3000000017</v>
      </c>
      <c r="L83" s="568">
        <v>184037.46000000089</v>
      </c>
      <c r="M83" s="228"/>
    </row>
    <row r="84" spans="1:13" s="289" customFormat="1" ht="10.5" x14ac:dyDescent="0.2">
      <c r="A84" s="591" t="s">
        <v>705</v>
      </c>
      <c r="B84" s="567">
        <v>15560700</v>
      </c>
      <c r="C84" s="567">
        <v>12956160.17</v>
      </c>
      <c r="D84" s="567">
        <v>-57348.750000000036</v>
      </c>
      <c r="E84" s="567">
        <v>3408835.5500000012</v>
      </c>
      <c r="F84" s="567">
        <v>2.3212245500812093E-2</v>
      </c>
      <c r="G84" s="567">
        <v>9547324.6199999992</v>
      </c>
      <c r="H84" s="567">
        <v>809574.19000000006</v>
      </c>
      <c r="I84" s="567">
        <v>3137031.13</v>
      </c>
      <c r="J84" s="567">
        <v>2.3069374973194917E-2</v>
      </c>
      <c r="K84" s="567">
        <v>9819129.0399999991</v>
      </c>
      <c r="L84" s="568">
        <v>271804.42000000132</v>
      </c>
      <c r="M84" s="228"/>
    </row>
    <row r="85" spans="1:13" s="289" customFormat="1" ht="10.5" x14ac:dyDescent="0.2">
      <c r="A85" s="591" t="s">
        <v>729</v>
      </c>
      <c r="B85" s="567">
        <v>0</v>
      </c>
      <c r="C85" s="567">
        <v>0</v>
      </c>
      <c r="D85" s="567">
        <v>0</v>
      </c>
      <c r="E85" s="567">
        <v>0</v>
      </c>
      <c r="F85" s="567">
        <v>0</v>
      </c>
      <c r="G85" s="567">
        <v>0</v>
      </c>
      <c r="H85" s="567">
        <v>0</v>
      </c>
      <c r="I85" s="567">
        <v>0</v>
      </c>
      <c r="J85" s="567">
        <v>0</v>
      </c>
      <c r="K85" s="567">
        <v>0</v>
      </c>
      <c r="L85" s="568">
        <v>0</v>
      </c>
      <c r="M85" s="228"/>
    </row>
    <row r="86" spans="1:13" ht="10.5" x14ac:dyDescent="0.2">
      <c r="A86" s="591"/>
      <c r="B86" s="567"/>
      <c r="C86" s="565"/>
      <c r="D86" s="565"/>
      <c r="E86" s="565"/>
      <c r="F86" s="565"/>
      <c r="G86" s="565"/>
      <c r="H86" s="565"/>
      <c r="I86" s="565"/>
      <c r="J86" s="565"/>
      <c r="K86" s="565"/>
      <c r="L86" s="568"/>
    </row>
    <row r="87" spans="1:13" s="73" customFormat="1" ht="10.5" x14ac:dyDescent="0.2">
      <c r="A87" s="152" t="s">
        <v>683</v>
      </c>
      <c r="B87" s="565">
        <v>45533800</v>
      </c>
      <c r="C87" s="565">
        <v>43443353.730000012</v>
      </c>
      <c r="D87" s="565">
        <v>1666976.69</v>
      </c>
      <c r="E87" s="565">
        <v>14733548.170000009</v>
      </c>
      <c r="F87" s="565">
        <v>0.1003271446227674</v>
      </c>
      <c r="G87" s="565">
        <v>28709805.560000002</v>
      </c>
      <c r="H87" s="565">
        <v>2805135.96</v>
      </c>
      <c r="I87" s="565">
        <v>14028954.510000024</v>
      </c>
      <c r="J87" s="565">
        <v>0.10316735749864379</v>
      </c>
      <c r="K87" s="565">
        <v>29414399.219999988</v>
      </c>
      <c r="L87" s="566">
        <v>704593.65999998525</v>
      </c>
      <c r="M87" s="166"/>
    </row>
    <row r="88" spans="1:13" ht="10.5" x14ac:dyDescent="0.2">
      <c r="A88" s="591" t="s">
        <v>684</v>
      </c>
      <c r="B88" s="567">
        <v>45533800</v>
      </c>
      <c r="C88" s="567">
        <v>43443353.730000012</v>
      </c>
      <c r="D88" s="567">
        <v>1666976.69</v>
      </c>
      <c r="E88" s="567">
        <v>14733548.170000009</v>
      </c>
      <c r="F88" s="567">
        <v>0.1003271446227674</v>
      </c>
      <c r="G88" s="567">
        <v>28709805.560000002</v>
      </c>
      <c r="H88" s="567">
        <v>2805135.96</v>
      </c>
      <c r="I88" s="567">
        <v>14028954.510000024</v>
      </c>
      <c r="J88" s="567">
        <v>0.10316735749864379</v>
      </c>
      <c r="K88" s="567">
        <v>29414399.219999988</v>
      </c>
      <c r="L88" s="568">
        <v>704593.65999998525</v>
      </c>
    </row>
    <row r="89" spans="1:13" ht="10.5" x14ac:dyDescent="0.2">
      <c r="A89" s="591"/>
      <c r="B89" s="567"/>
      <c r="C89" s="565"/>
      <c r="D89" s="565"/>
      <c r="E89" s="565"/>
      <c r="F89" s="565"/>
      <c r="G89" s="565"/>
      <c r="H89" s="565"/>
      <c r="I89" s="565"/>
      <c r="J89" s="565"/>
      <c r="K89" s="565"/>
      <c r="L89" s="568"/>
    </row>
    <row r="90" spans="1:13" s="73" customFormat="1" ht="10.5" x14ac:dyDescent="0.2">
      <c r="A90" s="152" t="s">
        <v>685</v>
      </c>
      <c r="B90" s="565">
        <v>118561400</v>
      </c>
      <c r="C90" s="565">
        <v>177423271.17000002</v>
      </c>
      <c r="D90" s="565">
        <v>36994942.399999999</v>
      </c>
      <c r="E90" s="565">
        <v>168478024.08000004</v>
      </c>
      <c r="F90" s="565">
        <v>1.1472402229660772</v>
      </c>
      <c r="G90" s="565">
        <v>8945247.0899999663</v>
      </c>
      <c r="H90" s="565">
        <v>32558525.729999997</v>
      </c>
      <c r="I90" s="565">
        <v>157064778.08000001</v>
      </c>
      <c r="J90" s="565">
        <v>1.1550367562368329</v>
      </c>
      <c r="K90" s="565">
        <v>20358493.089999992</v>
      </c>
      <c r="L90" s="566">
        <v>11413246.000000028</v>
      </c>
      <c r="M90" s="166"/>
    </row>
    <row r="91" spans="1:13" ht="10.5" x14ac:dyDescent="0.2">
      <c r="A91" s="591" t="s">
        <v>656</v>
      </c>
      <c r="B91" s="567">
        <v>7712200</v>
      </c>
      <c r="C91" s="567">
        <v>8534600</v>
      </c>
      <c r="D91" s="567">
        <v>1279222.96</v>
      </c>
      <c r="E91" s="567">
        <v>7556516.259999997</v>
      </c>
      <c r="F91" s="567">
        <v>5.1455609396586548E-2</v>
      </c>
      <c r="G91" s="567">
        <v>978083.74000000302</v>
      </c>
      <c r="H91" s="567">
        <v>1714027.0099999995</v>
      </c>
      <c r="I91" s="567">
        <v>7526632.4899999909</v>
      </c>
      <c r="J91" s="567">
        <v>5.5350010886644131E-2</v>
      </c>
      <c r="K91" s="567">
        <v>1007967.5100000091</v>
      </c>
      <c r="L91" s="568">
        <v>29883.770000006072</v>
      </c>
    </row>
    <row r="92" spans="1:13" ht="10.5" x14ac:dyDescent="0.2">
      <c r="A92" s="591" t="s">
        <v>686</v>
      </c>
      <c r="B92" s="567">
        <v>105965000</v>
      </c>
      <c r="C92" s="567">
        <v>163355968.17000002</v>
      </c>
      <c r="D92" s="567">
        <v>35643350.309999995</v>
      </c>
      <c r="E92" s="567">
        <v>158664802.10000005</v>
      </c>
      <c r="F92" s="567">
        <v>1.080417721729922</v>
      </c>
      <c r="G92" s="567">
        <v>4691166.069999963</v>
      </c>
      <c r="H92" s="567">
        <v>30451030.75</v>
      </c>
      <c r="I92" s="567">
        <v>147316249.81000003</v>
      </c>
      <c r="J92" s="567">
        <v>1.0833471730679782</v>
      </c>
      <c r="K92" s="567">
        <v>16039718.359999985</v>
      </c>
      <c r="L92" s="568">
        <v>11348552.290000021</v>
      </c>
    </row>
    <row r="93" spans="1:13" ht="10.5" x14ac:dyDescent="0.2">
      <c r="A93" s="591" t="s">
        <v>687</v>
      </c>
      <c r="B93" s="567">
        <v>4684200</v>
      </c>
      <c r="C93" s="567">
        <v>5332703</v>
      </c>
      <c r="D93" s="567">
        <v>72369.12999999999</v>
      </c>
      <c r="E93" s="567">
        <v>2256705.7199999993</v>
      </c>
      <c r="F93" s="567">
        <v>1.5366891839568757E-2</v>
      </c>
      <c r="G93" s="567">
        <v>3075997.2800000007</v>
      </c>
      <c r="H93" s="567">
        <v>393467.97000000009</v>
      </c>
      <c r="I93" s="567">
        <v>2221895.7799999998</v>
      </c>
      <c r="J93" s="567">
        <v>1.6339572282210474E-2</v>
      </c>
      <c r="K93" s="567">
        <v>3110807.22</v>
      </c>
      <c r="L93" s="568">
        <v>34809.939999999478</v>
      </c>
    </row>
    <row r="94" spans="1:13" s="289" customFormat="1" ht="10.5" x14ac:dyDescent="0.2">
      <c r="A94" s="591" t="s">
        <v>688</v>
      </c>
      <c r="B94" s="567">
        <v>200000</v>
      </c>
      <c r="C94" s="567">
        <v>200000</v>
      </c>
      <c r="D94" s="567">
        <v>0</v>
      </c>
      <c r="E94" s="567">
        <v>0</v>
      </c>
      <c r="F94" s="567">
        <v>0</v>
      </c>
      <c r="G94" s="567">
        <v>200000</v>
      </c>
      <c r="H94" s="567">
        <v>0</v>
      </c>
      <c r="I94" s="567">
        <v>0</v>
      </c>
      <c r="J94" s="750">
        <v>0</v>
      </c>
      <c r="K94" s="567">
        <v>200000</v>
      </c>
      <c r="L94" s="568">
        <v>0</v>
      </c>
      <c r="M94" s="228"/>
    </row>
    <row r="95" spans="1:13" ht="10.5" x14ac:dyDescent="0.2">
      <c r="A95" s="591"/>
      <c r="B95" s="567"/>
      <c r="C95" s="567"/>
      <c r="D95" s="567"/>
      <c r="E95" s="567"/>
      <c r="F95" s="567"/>
      <c r="G95" s="567"/>
      <c r="H95" s="567"/>
      <c r="I95" s="567"/>
      <c r="J95" s="565"/>
      <c r="K95" s="565"/>
      <c r="L95" s="568"/>
    </row>
    <row r="96" spans="1:13" s="73" customFormat="1" ht="10.5" x14ac:dyDescent="0.2">
      <c r="A96" s="152" t="s">
        <v>689</v>
      </c>
      <c r="B96" s="565">
        <v>23514000</v>
      </c>
      <c r="C96" s="565">
        <v>10378000</v>
      </c>
      <c r="D96" s="565">
        <v>0</v>
      </c>
      <c r="E96" s="565">
        <v>5874618.8799999999</v>
      </c>
      <c r="F96" s="565">
        <v>4.0002837821339232E-2</v>
      </c>
      <c r="G96" s="565">
        <v>4503381.12</v>
      </c>
      <c r="H96" s="565">
        <v>425208.08</v>
      </c>
      <c r="I96" s="565">
        <v>4738191.4000000004</v>
      </c>
      <c r="J96" s="565">
        <v>3.484412795781449E-2</v>
      </c>
      <c r="K96" s="565">
        <v>5639808.5999999996</v>
      </c>
      <c r="L96" s="566">
        <v>1136427.4799999995</v>
      </c>
      <c r="M96" s="166"/>
    </row>
    <row r="97" spans="1:13" s="289" customFormat="1" ht="10.5" x14ac:dyDescent="0.2">
      <c r="A97" s="591" t="s">
        <v>690</v>
      </c>
      <c r="B97" s="567">
        <v>23500000</v>
      </c>
      <c r="C97" s="567">
        <v>10378000</v>
      </c>
      <c r="D97" s="567">
        <v>0</v>
      </c>
      <c r="E97" s="567">
        <v>5874618.8799999999</v>
      </c>
      <c r="F97" s="567">
        <v>4.0002837821339232E-2</v>
      </c>
      <c r="G97" s="567">
        <v>4503381.12</v>
      </c>
      <c r="H97" s="567">
        <v>425208.08</v>
      </c>
      <c r="I97" s="567">
        <v>4738191.4000000004</v>
      </c>
      <c r="J97" s="567">
        <v>3.484412795781449E-2</v>
      </c>
      <c r="K97" s="567">
        <v>5639808.5999999996</v>
      </c>
      <c r="L97" s="568">
        <v>1136427.4799999995</v>
      </c>
      <c r="M97" s="228"/>
    </row>
    <row r="98" spans="1:13" s="289" customFormat="1" ht="10.5" x14ac:dyDescent="0.2">
      <c r="A98" s="591" t="s">
        <v>691</v>
      </c>
      <c r="B98" s="567">
        <v>14000</v>
      </c>
      <c r="C98" s="567">
        <v>0</v>
      </c>
      <c r="D98" s="567">
        <v>0</v>
      </c>
      <c r="E98" s="567">
        <v>0</v>
      </c>
      <c r="F98" s="567">
        <v>0</v>
      </c>
      <c r="G98" s="567">
        <v>0</v>
      </c>
      <c r="H98" s="567">
        <v>0</v>
      </c>
      <c r="I98" s="567">
        <v>0</v>
      </c>
      <c r="J98" s="567">
        <v>0</v>
      </c>
      <c r="K98" s="567">
        <v>0</v>
      </c>
      <c r="L98" s="568">
        <v>0</v>
      </c>
      <c r="M98" s="228"/>
    </row>
    <row r="99" spans="1:13" ht="10.5" x14ac:dyDescent="0.2">
      <c r="A99" s="591"/>
      <c r="B99" s="567"/>
      <c r="C99" s="565"/>
      <c r="D99" s="565"/>
      <c r="E99" s="565"/>
      <c r="F99" s="565"/>
      <c r="G99" s="565"/>
      <c r="H99" s="565"/>
      <c r="I99" s="565"/>
      <c r="J99" s="565"/>
      <c r="K99" s="565"/>
      <c r="L99" s="568"/>
    </row>
    <row r="100" spans="1:13" s="73" customFormat="1" ht="10.5" x14ac:dyDescent="0.2">
      <c r="A100" s="183" t="s">
        <v>755</v>
      </c>
      <c r="B100" s="565">
        <v>80752700</v>
      </c>
      <c r="C100" s="565">
        <v>96925200.000000015</v>
      </c>
      <c r="D100" s="565">
        <v>-6499651.9200000009</v>
      </c>
      <c r="E100" s="565">
        <v>28085136.059999995</v>
      </c>
      <c r="F100" s="565">
        <v>0.19124391997978021</v>
      </c>
      <c r="G100" s="565">
        <v>68840063.940000027</v>
      </c>
      <c r="H100" s="565">
        <v>4474434.3500000015</v>
      </c>
      <c r="I100" s="565">
        <v>27449613.059999987</v>
      </c>
      <c r="J100" s="565">
        <v>0.20186137475475038</v>
      </c>
      <c r="K100" s="565">
        <v>69475586.940000027</v>
      </c>
      <c r="L100" s="566">
        <v>635523</v>
      </c>
      <c r="M100" s="166"/>
    </row>
    <row r="101" spans="1:13" ht="10.5" x14ac:dyDescent="0.2">
      <c r="A101" s="591" t="s">
        <v>651</v>
      </c>
      <c r="B101" s="567">
        <v>25865000</v>
      </c>
      <c r="C101" s="567">
        <v>27073580</v>
      </c>
      <c r="D101" s="567">
        <v>-872810.68000000028</v>
      </c>
      <c r="E101" s="567">
        <v>13364290.86999999</v>
      </c>
      <c r="F101" s="567">
        <v>9.1003275478836548E-2</v>
      </c>
      <c r="G101" s="567">
        <v>13709289.13000001</v>
      </c>
      <c r="H101" s="567">
        <v>1943521.7000000009</v>
      </c>
      <c r="I101" s="567">
        <v>12728767.86999999</v>
      </c>
      <c r="J101" s="567">
        <v>9.3605930821536135E-2</v>
      </c>
      <c r="K101" s="567">
        <v>14344812.13000001</v>
      </c>
      <c r="L101" s="568">
        <v>635523</v>
      </c>
    </row>
    <row r="102" spans="1:13" ht="10.5" x14ac:dyDescent="0.2">
      <c r="A102" s="591" t="s">
        <v>652</v>
      </c>
      <c r="B102" s="567">
        <v>570000</v>
      </c>
      <c r="C102" s="567">
        <v>0</v>
      </c>
      <c r="D102" s="567">
        <v>0</v>
      </c>
      <c r="E102" s="567">
        <v>0</v>
      </c>
      <c r="F102" s="567">
        <v>0</v>
      </c>
      <c r="G102" s="567">
        <v>0</v>
      </c>
      <c r="H102" s="567">
        <v>0</v>
      </c>
      <c r="I102" s="567">
        <v>0</v>
      </c>
      <c r="J102" s="567">
        <v>0</v>
      </c>
      <c r="K102" s="567">
        <v>0</v>
      </c>
      <c r="L102" s="568">
        <v>0</v>
      </c>
    </row>
    <row r="103" spans="1:13" ht="10.5" x14ac:dyDescent="0.2">
      <c r="A103" s="591" t="s">
        <v>693</v>
      </c>
      <c r="B103" s="567">
        <v>54317700</v>
      </c>
      <c r="C103" s="567">
        <v>69851620.000000015</v>
      </c>
      <c r="D103" s="567">
        <v>-5626841.2400000002</v>
      </c>
      <c r="E103" s="567">
        <v>14720845.190000005</v>
      </c>
      <c r="F103" s="567">
        <v>0.10024064450094368</v>
      </c>
      <c r="G103" s="567">
        <v>55130774.81000001</v>
      </c>
      <c r="H103" s="567">
        <v>2530912.6500000004</v>
      </c>
      <c r="I103" s="567">
        <v>14720845.189999999</v>
      </c>
      <c r="J103" s="567">
        <v>0.10825544393321426</v>
      </c>
      <c r="K103" s="567">
        <v>55130774.810000017</v>
      </c>
      <c r="L103" s="568">
        <v>0</v>
      </c>
    </row>
    <row r="104" spans="1:13" ht="10.5" x14ac:dyDescent="0.2">
      <c r="A104" s="591"/>
      <c r="B104" s="567"/>
      <c r="C104" s="567"/>
      <c r="D104" s="567"/>
      <c r="E104" s="567"/>
      <c r="F104" s="567"/>
      <c r="G104" s="567"/>
      <c r="H104" s="567"/>
      <c r="I104" s="567"/>
      <c r="J104" s="567"/>
      <c r="K104" s="567"/>
      <c r="L104" s="568"/>
    </row>
    <row r="105" spans="1:13" s="73" customFormat="1" ht="10.5" x14ac:dyDescent="0.2">
      <c r="A105" s="152" t="s">
        <v>694</v>
      </c>
      <c r="B105" s="565">
        <v>26500000</v>
      </c>
      <c r="C105" s="565">
        <v>129994999.99999999</v>
      </c>
      <c r="D105" s="565">
        <v>9339015.379999999</v>
      </c>
      <c r="E105" s="565">
        <v>94377512.609999999</v>
      </c>
      <c r="F105" s="565">
        <v>0.64265757626803321</v>
      </c>
      <c r="G105" s="565">
        <v>35617487.389999986</v>
      </c>
      <c r="H105" s="565">
        <v>5814791.3100000005</v>
      </c>
      <c r="I105" s="565">
        <v>20238921.180000003</v>
      </c>
      <c r="J105" s="565">
        <v>0.14883475566732951</v>
      </c>
      <c r="K105" s="565">
        <v>109756078.81999998</v>
      </c>
      <c r="L105" s="566">
        <v>74138591.429999992</v>
      </c>
      <c r="M105" s="166"/>
    </row>
    <row r="106" spans="1:13" ht="10.5" x14ac:dyDescent="0.2">
      <c r="A106" s="591" t="s">
        <v>695</v>
      </c>
      <c r="B106" s="567">
        <v>26500000</v>
      </c>
      <c r="C106" s="567">
        <v>129994999.99999999</v>
      </c>
      <c r="D106" s="567">
        <v>9339015.379999999</v>
      </c>
      <c r="E106" s="567">
        <v>94377512.609999999</v>
      </c>
      <c r="F106" s="567">
        <v>0.64265757626803321</v>
      </c>
      <c r="G106" s="567">
        <v>35617487.389999986</v>
      </c>
      <c r="H106" s="567">
        <v>5814791.3100000005</v>
      </c>
      <c r="I106" s="567">
        <v>20238921.180000003</v>
      </c>
      <c r="J106" s="567">
        <v>0.14883475566732951</v>
      </c>
      <c r="K106" s="567">
        <v>109756078.81999998</v>
      </c>
      <c r="L106" s="568">
        <v>74138591.429999992</v>
      </c>
    </row>
    <row r="107" spans="1:13" ht="10.5" x14ac:dyDescent="0.2">
      <c r="A107" s="591"/>
      <c r="B107" s="567"/>
      <c r="C107" s="565"/>
      <c r="D107" s="565"/>
      <c r="E107" s="565"/>
      <c r="F107" s="565"/>
      <c r="G107" s="565"/>
      <c r="H107" s="565"/>
      <c r="I107" s="565"/>
      <c r="J107" s="567"/>
      <c r="K107" s="567"/>
      <c r="L107" s="568"/>
    </row>
    <row r="108" spans="1:13" s="73" customFormat="1" ht="10.5" x14ac:dyDescent="0.2">
      <c r="A108" s="152" t="s">
        <v>696</v>
      </c>
      <c r="B108" s="565">
        <v>117143000</v>
      </c>
      <c r="C108" s="565">
        <v>132805015</v>
      </c>
      <c r="D108" s="565">
        <v>6292988.7300000004</v>
      </c>
      <c r="E108" s="565">
        <v>37966880.159999974</v>
      </c>
      <c r="F108" s="565">
        <v>0.25853301816622715</v>
      </c>
      <c r="G108" s="565">
        <v>94838134.840000018</v>
      </c>
      <c r="H108" s="565">
        <v>6009416.9699999997</v>
      </c>
      <c r="I108" s="565">
        <v>31725787.90999997</v>
      </c>
      <c r="J108" s="565">
        <v>0.23330788483946069</v>
      </c>
      <c r="K108" s="565">
        <v>101079227.09000003</v>
      </c>
      <c r="L108" s="566">
        <v>6241092.2500000075</v>
      </c>
      <c r="M108" s="166"/>
    </row>
    <row r="109" spans="1:13" ht="10.5" x14ac:dyDescent="0.2">
      <c r="A109" s="591" t="s">
        <v>756</v>
      </c>
      <c r="B109" s="567">
        <v>35065000</v>
      </c>
      <c r="C109" s="567">
        <v>54432414.999999993</v>
      </c>
      <c r="D109" s="567">
        <v>5290358.9400000004</v>
      </c>
      <c r="E109" s="567">
        <v>27880089.629999969</v>
      </c>
      <c r="F109" s="565">
        <v>0.18984766955865748</v>
      </c>
      <c r="G109" s="567">
        <v>26552325.370000023</v>
      </c>
      <c r="H109" s="567">
        <v>4442875.9399999985</v>
      </c>
      <c r="I109" s="567">
        <v>25795258.459999971</v>
      </c>
      <c r="J109" s="567">
        <v>0.18969543663540814</v>
      </c>
      <c r="K109" s="567">
        <v>28637156.540000021</v>
      </c>
      <c r="L109" s="568">
        <v>2084831.1699999981</v>
      </c>
    </row>
    <row r="110" spans="1:13" ht="10.5" x14ac:dyDescent="0.2">
      <c r="A110" s="591" t="s">
        <v>697</v>
      </c>
      <c r="B110" s="567">
        <v>65739300</v>
      </c>
      <c r="C110" s="567">
        <v>63809200</v>
      </c>
      <c r="D110" s="567">
        <v>3301972.1999999993</v>
      </c>
      <c r="E110" s="567">
        <v>7399699.9700000072</v>
      </c>
      <c r="F110" s="565">
        <v>5.0387778998606129E-2</v>
      </c>
      <c r="G110" s="567">
        <v>56409500.029999994</v>
      </c>
      <c r="H110" s="567">
        <v>1239052.1800000004</v>
      </c>
      <c r="I110" s="567">
        <v>3944483.4499999979</v>
      </c>
      <c r="J110" s="567">
        <v>2.9007288742975115E-2</v>
      </c>
      <c r="K110" s="567">
        <v>59864716.550000004</v>
      </c>
      <c r="L110" s="568">
        <v>3455216.5200000093</v>
      </c>
    </row>
    <row r="111" spans="1:13" ht="10.5" x14ac:dyDescent="0.2">
      <c r="A111" s="591" t="s">
        <v>698</v>
      </c>
      <c r="B111" s="567">
        <v>13213000</v>
      </c>
      <c r="C111" s="567">
        <v>10810100</v>
      </c>
      <c r="D111" s="567">
        <v>-827376.6100000001</v>
      </c>
      <c r="E111" s="567">
        <v>2039192.33</v>
      </c>
      <c r="F111" s="565">
        <v>1.3885748459567963E-2</v>
      </c>
      <c r="G111" s="567">
        <v>8770907.6699999999</v>
      </c>
      <c r="H111" s="567">
        <v>241231.15999999995</v>
      </c>
      <c r="I111" s="567">
        <v>1338147.7699999996</v>
      </c>
      <c r="J111" s="567">
        <v>9.840588568107253E-3</v>
      </c>
      <c r="K111" s="567">
        <v>9471952.2300000004</v>
      </c>
      <c r="L111" s="568">
        <v>701044.56000000052</v>
      </c>
    </row>
    <row r="112" spans="1:13" ht="10.5" x14ac:dyDescent="0.2">
      <c r="A112" s="591" t="s">
        <v>700</v>
      </c>
      <c r="B112" s="567">
        <v>840000</v>
      </c>
      <c r="C112" s="567">
        <v>1288000</v>
      </c>
      <c r="D112" s="567">
        <v>-8592.2799999999988</v>
      </c>
      <c r="E112" s="567">
        <v>635778.23</v>
      </c>
      <c r="F112" s="565">
        <v>4.3292907922272078E-3</v>
      </c>
      <c r="G112" s="567">
        <v>652221.77</v>
      </c>
      <c r="H112" s="567">
        <v>86257.690000000017</v>
      </c>
      <c r="I112" s="567">
        <v>635778.22999999986</v>
      </c>
      <c r="J112" s="567">
        <v>4.6754417727643523E-3</v>
      </c>
      <c r="K112" s="567">
        <v>652221.77000000014</v>
      </c>
      <c r="L112" s="568">
        <v>0</v>
      </c>
    </row>
    <row r="113" spans="1:13" ht="10.5" x14ac:dyDescent="0.2">
      <c r="A113" s="591" t="s">
        <v>701</v>
      </c>
      <c r="B113" s="567">
        <v>2285700</v>
      </c>
      <c r="C113" s="567">
        <v>2465300</v>
      </c>
      <c r="D113" s="567">
        <v>-1463373.52</v>
      </c>
      <c r="E113" s="567">
        <v>12120</v>
      </c>
      <c r="F113" s="565">
        <v>8.2530357168400932E-5</v>
      </c>
      <c r="G113" s="567">
        <v>2453180</v>
      </c>
      <c r="H113" s="567">
        <v>0</v>
      </c>
      <c r="I113" s="567">
        <v>12120</v>
      </c>
      <c r="J113" s="567">
        <v>8.9129120205805033E-5</v>
      </c>
      <c r="K113" s="567">
        <v>2453180</v>
      </c>
      <c r="L113" s="568">
        <v>0</v>
      </c>
    </row>
    <row r="114" spans="1:13" ht="10.5" x14ac:dyDescent="0.2">
      <c r="A114" s="591"/>
      <c r="B114" s="567"/>
      <c r="C114" s="565"/>
      <c r="D114" s="565"/>
      <c r="E114" s="565"/>
      <c r="F114" s="565"/>
      <c r="G114" s="565"/>
      <c r="H114" s="565"/>
      <c r="I114" s="565"/>
      <c r="J114" s="565"/>
      <c r="K114" s="565"/>
      <c r="L114" s="568"/>
    </row>
    <row r="115" spans="1:13" s="73" customFormat="1" ht="10.5" x14ac:dyDescent="0.2">
      <c r="A115" s="152" t="s">
        <v>702</v>
      </c>
      <c r="B115" s="565">
        <v>67988300</v>
      </c>
      <c r="C115" s="565">
        <v>52961900.000000007</v>
      </c>
      <c r="D115" s="565">
        <v>631662.28999999992</v>
      </c>
      <c r="E115" s="565">
        <v>12791827.07</v>
      </c>
      <c r="F115" s="565">
        <v>8.7105120208211193E-2</v>
      </c>
      <c r="G115" s="565">
        <v>40170072.930000007</v>
      </c>
      <c r="H115" s="565">
        <v>2952119.63</v>
      </c>
      <c r="I115" s="565">
        <v>12532149.850000001</v>
      </c>
      <c r="J115" s="565">
        <v>9.216002396186565E-2</v>
      </c>
      <c r="K115" s="565">
        <v>40429750.150000006</v>
      </c>
      <c r="L115" s="566">
        <v>259677.21999999881</v>
      </c>
      <c r="M115" s="166"/>
    </row>
    <row r="116" spans="1:13" ht="10.5" x14ac:dyDescent="0.2">
      <c r="A116" s="591" t="s">
        <v>703</v>
      </c>
      <c r="B116" s="567">
        <v>67264300</v>
      </c>
      <c r="C116" s="567">
        <v>52237900.000000007</v>
      </c>
      <c r="D116" s="567">
        <v>631662.28999999992</v>
      </c>
      <c r="E116" s="567">
        <v>12791827.07</v>
      </c>
      <c r="F116" s="567">
        <v>8.7105120208211193E-2</v>
      </c>
      <c r="G116" s="567">
        <v>39446072.930000007</v>
      </c>
      <c r="H116" s="567">
        <v>2952119.63</v>
      </c>
      <c r="I116" s="567">
        <v>12532149.850000001</v>
      </c>
      <c r="J116" s="567">
        <v>9.216002396186565E-2</v>
      </c>
      <c r="K116" s="567">
        <v>39705750.150000006</v>
      </c>
      <c r="L116" s="568">
        <v>259677.21999999881</v>
      </c>
    </row>
    <row r="117" spans="1:13" ht="10.5" x14ac:dyDescent="0.2">
      <c r="A117" s="591" t="s">
        <v>705</v>
      </c>
      <c r="B117" s="567">
        <v>724000</v>
      </c>
      <c r="C117" s="567">
        <v>724000</v>
      </c>
      <c r="D117" s="567">
        <v>0</v>
      </c>
      <c r="E117" s="567">
        <v>0</v>
      </c>
      <c r="F117" s="567">
        <v>0</v>
      </c>
      <c r="G117" s="567">
        <v>724000</v>
      </c>
      <c r="H117" s="567">
        <v>0</v>
      </c>
      <c r="I117" s="567">
        <v>0</v>
      </c>
      <c r="J117" s="567">
        <v>0</v>
      </c>
      <c r="K117" s="567">
        <v>724000</v>
      </c>
      <c r="L117" s="568">
        <v>0</v>
      </c>
    </row>
    <row r="118" spans="1:13" ht="10.5" x14ac:dyDescent="0.2">
      <c r="A118" s="591"/>
      <c r="B118" s="567"/>
      <c r="C118" s="565"/>
      <c r="D118" s="565"/>
      <c r="E118" s="565"/>
      <c r="F118" s="565"/>
      <c r="G118" s="567"/>
      <c r="H118" s="565"/>
      <c r="I118" s="565"/>
      <c r="J118" s="567"/>
      <c r="K118" s="567"/>
      <c r="L118" s="568"/>
    </row>
    <row r="119" spans="1:13" s="73" customFormat="1" ht="10.5" x14ac:dyDescent="0.2">
      <c r="A119" s="152" t="s">
        <v>706</v>
      </c>
      <c r="B119" s="565">
        <v>191777800</v>
      </c>
      <c r="C119" s="565">
        <v>199482049.99999994</v>
      </c>
      <c r="D119" s="565">
        <v>12856718.090000002</v>
      </c>
      <c r="E119" s="565">
        <v>121577377.92999992</v>
      </c>
      <c r="F119" s="565">
        <v>0.82787330232347833</v>
      </c>
      <c r="G119" s="565">
        <v>77904672.070000038</v>
      </c>
      <c r="H119" s="565">
        <v>20350772.299999997</v>
      </c>
      <c r="I119" s="565">
        <v>113715361.6099997</v>
      </c>
      <c r="J119" s="565">
        <v>0.83625001107130781</v>
      </c>
      <c r="K119" s="565">
        <v>85766688.390000254</v>
      </c>
      <c r="L119" s="566">
        <v>7862016.3200002052</v>
      </c>
      <c r="M119" s="166"/>
    </row>
    <row r="120" spans="1:13" ht="10.5" x14ac:dyDescent="0.2">
      <c r="A120" s="591" t="s">
        <v>651</v>
      </c>
      <c r="B120" s="567">
        <v>106216600</v>
      </c>
      <c r="C120" s="567">
        <v>106356389.99999996</v>
      </c>
      <c r="D120" s="567">
        <v>13859991.570000002</v>
      </c>
      <c r="E120" s="567">
        <v>98337317.409999922</v>
      </c>
      <c r="F120" s="567">
        <v>0.66962161128957964</v>
      </c>
      <c r="G120" s="567">
        <v>8019072.5900000334</v>
      </c>
      <c r="H120" s="567">
        <v>14740211.259999998</v>
      </c>
      <c r="I120" s="567">
        <v>90793984.429999709</v>
      </c>
      <c r="J120" s="567">
        <v>0.66768877493609202</v>
      </c>
      <c r="K120" s="567">
        <v>15562405.570000246</v>
      </c>
      <c r="L120" s="568">
        <v>7543332.9800002128</v>
      </c>
    </row>
    <row r="121" spans="1:13" ht="10.5" x14ac:dyDescent="0.2">
      <c r="A121" s="591" t="s">
        <v>654</v>
      </c>
      <c r="B121" s="567">
        <v>224000</v>
      </c>
      <c r="C121" s="567">
        <v>224000</v>
      </c>
      <c r="D121" s="567">
        <v>0</v>
      </c>
      <c r="E121" s="567">
        <v>0</v>
      </c>
      <c r="F121" s="567">
        <v>0</v>
      </c>
      <c r="G121" s="567">
        <v>224000</v>
      </c>
      <c r="H121" s="567">
        <v>0</v>
      </c>
      <c r="I121" s="567">
        <v>0</v>
      </c>
      <c r="J121" s="567">
        <v>0</v>
      </c>
      <c r="K121" s="567">
        <v>224000</v>
      </c>
      <c r="L121" s="568">
        <v>0</v>
      </c>
    </row>
    <row r="122" spans="1:13" ht="10.5" x14ac:dyDescent="0.2">
      <c r="A122" s="591" t="s">
        <v>698</v>
      </c>
      <c r="B122" s="567">
        <v>1962100</v>
      </c>
      <c r="C122" s="567">
        <v>262100</v>
      </c>
      <c r="D122" s="567">
        <v>0</v>
      </c>
      <c r="E122" s="567">
        <v>0</v>
      </c>
      <c r="F122" s="567">
        <v>0</v>
      </c>
      <c r="G122" s="567">
        <v>262100</v>
      </c>
      <c r="H122" s="567">
        <v>0</v>
      </c>
      <c r="I122" s="567">
        <v>0</v>
      </c>
      <c r="J122" s="567">
        <v>0</v>
      </c>
      <c r="K122" s="567">
        <v>262100</v>
      </c>
      <c r="L122" s="568">
        <v>0</v>
      </c>
    </row>
    <row r="123" spans="1:13" ht="10.5" x14ac:dyDescent="0.2">
      <c r="A123" s="591" t="s">
        <v>699</v>
      </c>
      <c r="B123" s="567">
        <v>1816300</v>
      </c>
      <c r="C123" s="567">
        <v>980800</v>
      </c>
      <c r="D123" s="567">
        <v>0</v>
      </c>
      <c r="E123" s="567">
        <v>0</v>
      </c>
      <c r="F123" s="567">
        <v>0</v>
      </c>
      <c r="G123" s="567">
        <v>980800</v>
      </c>
      <c r="H123" s="567">
        <v>0</v>
      </c>
      <c r="I123" s="567">
        <v>0</v>
      </c>
      <c r="J123" s="567">
        <v>0</v>
      </c>
      <c r="K123" s="567">
        <v>980800</v>
      </c>
      <c r="L123" s="568">
        <v>0</v>
      </c>
    </row>
    <row r="124" spans="1:13" ht="10.5" x14ac:dyDescent="0.2">
      <c r="A124" s="591" t="s">
        <v>704</v>
      </c>
      <c r="B124" s="567">
        <v>1018900</v>
      </c>
      <c r="C124" s="567">
        <v>1018900</v>
      </c>
      <c r="D124" s="567">
        <v>0</v>
      </c>
      <c r="E124" s="567">
        <v>0</v>
      </c>
      <c r="F124" s="567">
        <v>0</v>
      </c>
      <c r="G124" s="567">
        <v>1018900</v>
      </c>
      <c r="H124" s="567">
        <v>0</v>
      </c>
      <c r="I124" s="567">
        <v>0</v>
      </c>
      <c r="J124" s="567">
        <v>0</v>
      </c>
      <c r="K124" s="567">
        <v>1018900</v>
      </c>
      <c r="L124" s="568">
        <v>0</v>
      </c>
    </row>
    <row r="125" spans="1:13" ht="10.5" x14ac:dyDescent="0.2">
      <c r="A125" s="591" t="s">
        <v>705</v>
      </c>
      <c r="B125" s="567">
        <v>0</v>
      </c>
      <c r="C125" s="567">
        <v>2085800</v>
      </c>
      <c r="D125" s="567">
        <v>-342399.41000000003</v>
      </c>
      <c r="E125" s="567">
        <v>183364.99</v>
      </c>
      <c r="F125" s="567">
        <v>1.2486120558482068E-3</v>
      </c>
      <c r="G125" s="567">
        <v>1902435.01</v>
      </c>
      <c r="H125" s="567">
        <v>3705.66</v>
      </c>
      <c r="I125" s="567">
        <v>183364.99000000005</v>
      </c>
      <c r="J125" s="567">
        <v>1.3484455639642115E-3</v>
      </c>
      <c r="K125" s="567">
        <v>1902435.01</v>
      </c>
      <c r="L125" s="568">
        <v>0</v>
      </c>
    </row>
    <row r="126" spans="1:13" ht="10.5" x14ac:dyDescent="0.2">
      <c r="A126" s="591" t="s">
        <v>707</v>
      </c>
      <c r="B126" s="567">
        <v>33807500</v>
      </c>
      <c r="C126" s="567">
        <v>68192160</v>
      </c>
      <c r="D126" s="567">
        <v>-1374566.0900000005</v>
      </c>
      <c r="E126" s="567">
        <v>20153717.019999992</v>
      </c>
      <c r="F126" s="567">
        <v>0.1372354343177789</v>
      </c>
      <c r="G126" s="567">
        <v>48038442.980000004</v>
      </c>
      <c r="H126" s="567">
        <v>4492991.7799999993</v>
      </c>
      <c r="I126" s="567">
        <v>20110513.73</v>
      </c>
      <c r="J126" s="567">
        <v>0.14789046168660583</v>
      </c>
      <c r="K126" s="567">
        <v>48081646.269999996</v>
      </c>
      <c r="L126" s="568">
        <v>43203.289999991655</v>
      </c>
    </row>
    <row r="127" spans="1:13" ht="10.5" x14ac:dyDescent="0.2">
      <c r="A127" s="591" t="s">
        <v>708</v>
      </c>
      <c r="B127" s="567">
        <v>1145400</v>
      </c>
      <c r="C127" s="567">
        <v>965800</v>
      </c>
      <c r="D127" s="567">
        <v>0</v>
      </c>
      <c r="E127" s="567">
        <v>0</v>
      </c>
      <c r="F127" s="567">
        <v>0</v>
      </c>
      <c r="G127" s="567">
        <v>965800</v>
      </c>
      <c r="H127" s="567">
        <v>0</v>
      </c>
      <c r="I127" s="567">
        <v>0</v>
      </c>
      <c r="J127" s="567">
        <v>0</v>
      </c>
      <c r="K127" s="567">
        <v>965800</v>
      </c>
      <c r="L127" s="568">
        <v>0</v>
      </c>
    </row>
    <row r="128" spans="1:13" ht="10.5" x14ac:dyDescent="0.2">
      <c r="A128" s="591" t="s">
        <v>757</v>
      </c>
      <c r="B128" s="567">
        <v>15960100</v>
      </c>
      <c r="C128" s="567">
        <v>19396100</v>
      </c>
      <c r="D128" s="567">
        <v>713692.02</v>
      </c>
      <c r="E128" s="567">
        <v>2902978.5100000002</v>
      </c>
      <c r="F128" s="567">
        <v>1.9767644660271647E-2</v>
      </c>
      <c r="G128" s="567">
        <v>16493121.49</v>
      </c>
      <c r="H128" s="567">
        <v>1113863.6000000001</v>
      </c>
      <c r="I128" s="567">
        <v>2627498.46</v>
      </c>
      <c r="J128" s="567">
        <v>1.9322328884645842E-2</v>
      </c>
      <c r="K128" s="567">
        <v>16768601.539999999</v>
      </c>
      <c r="L128" s="568">
        <v>275480.05000000028</v>
      </c>
    </row>
    <row r="129" spans="1:13" ht="10.5" x14ac:dyDescent="0.2">
      <c r="A129" s="25" t="s">
        <v>758</v>
      </c>
      <c r="B129" s="567">
        <v>29626900</v>
      </c>
      <c r="C129" s="567">
        <v>0</v>
      </c>
      <c r="D129" s="567">
        <v>0</v>
      </c>
      <c r="E129" s="567">
        <v>0</v>
      </c>
      <c r="F129" s="567">
        <v>0</v>
      </c>
      <c r="G129" s="567">
        <v>0</v>
      </c>
      <c r="H129" s="567">
        <v>0</v>
      </c>
      <c r="I129" s="567">
        <v>0</v>
      </c>
      <c r="J129" s="567">
        <v>0</v>
      </c>
      <c r="K129" s="567">
        <v>0</v>
      </c>
      <c r="L129" s="568">
        <v>0</v>
      </c>
    </row>
    <row r="130" spans="1:13" ht="10.5" x14ac:dyDescent="0.2">
      <c r="A130" s="591"/>
      <c r="B130" s="567"/>
      <c r="C130" s="567"/>
      <c r="D130" s="567"/>
      <c r="E130" s="567"/>
      <c r="F130" s="567"/>
      <c r="G130" s="567"/>
      <c r="H130" s="567"/>
      <c r="I130" s="567"/>
      <c r="J130" s="565"/>
      <c r="K130" s="565"/>
      <c r="L130" s="568"/>
    </row>
    <row r="131" spans="1:13" s="73" customFormat="1" ht="10.5" x14ac:dyDescent="0.2">
      <c r="A131" s="152" t="s">
        <v>709</v>
      </c>
      <c r="B131" s="565">
        <v>4674800</v>
      </c>
      <c r="C131" s="565">
        <v>4785800</v>
      </c>
      <c r="D131" s="565">
        <v>-238402.34999999998</v>
      </c>
      <c r="E131" s="565">
        <v>2334012.21</v>
      </c>
      <c r="F131" s="565">
        <v>1.5893305389992476E-2</v>
      </c>
      <c r="G131" s="565">
        <v>2451787.79</v>
      </c>
      <c r="H131" s="565">
        <v>255826.05</v>
      </c>
      <c r="I131" s="565">
        <v>2334012.2100000004</v>
      </c>
      <c r="J131" s="565">
        <v>1.7164063929612765E-2</v>
      </c>
      <c r="K131" s="565">
        <v>2451787.7899999996</v>
      </c>
      <c r="L131" s="566">
        <v>0</v>
      </c>
      <c r="M131" s="166"/>
    </row>
    <row r="132" spans="1:13" ht="10.5" x14ac:dyDescent="0.2">
      <c r="A132" s="591" t="s">
        <v>710</v>
      </c>
      <c r="B132" s="567">
        <v>4674800</v>
      </c>
      <c r="C132" s="567">
        <v>4785800</v>
      </c>
      <c r="D132" s="567">
        <v>-238402.34999999998</v>
      </c>
      <c r="E132" s="567">
        <v>2334012.21</v>
      </c>
      <c r="F132" s="567">
        <v>1.5893305389992476E-2</v>
      </c>
      <c r="G132" s="567">
        <v>2451787.79</v>
      </c>
      <c r="H132" s="567">
        <v>255826.05</v>
      </c>
      <c r="I132" s="567">
        <v>2334012.2100000004</v>
      </c>
      <c r="J132" s="567">
        <v>1.7164063929612765E-2</v>
      </c>
      <c r="K132" s="567">
        <v>2451787.7899999996</v>
      </c>
      <c r="L132" s="568">
        <v>0</v>
      </c>
    </row>
    <row r="133" spans="1:13" ht="10.5" x14ac:dyDescent="0.2">
      <c r="A133" s="591"/>
      <c r="B133" s="567"/>
      <c r="C133" s="565"/>
      <c r="D133" s="565"/>
      <c r="E133" s="565"/>
      <c r="F133" s="565"/>
      <c r="G133" s="565"/>
      <c r="H133" s="565"/>
      <c r="I133" s="565"/>
      <c r="J133" s="565"/>
      <c r="K133" s="565"/>
      <c r="L133" s="568">
        <v>0</v>
      </c>
    </row>
    <row r="134" spans="1:13" s="73" customFormat="1" ht="10.5" x14ac:dyDescent="0.2">
      <c r="A134" s="152" t="s">
        <v>711</v>
      </c>
      <c r="B134" s="565">
        <v>21507400</v>
      </c>
      <c r="C134" s="565">
        <v>21507400</v>
      </c>
      <c r="D134" s="565">
        <v>906240</v>
      </c>
      <c r="E134" s="565">
        <v>1813999.02</v>
      </c>
      <c r="F134" s="565">
        <v>1.2352309160373703E-2</v>
      </c>
      <c r="G134" s="565">
        <v>19693400.98</v>
      </c>
      <c r="H134" s="565">
        <v>906240</v>
      </c>
      <c r="I134" s="565">
        <v>1813999.02</v>
      </c>
      <c r="J134" s="565">
        <v>1.3339945272837668E-2</v>
      </c>
      <c r="K134" s="565">
        <v>19693400.98</v>
      </c>
      <c r="L134" s="566">
        <v>0</v>
      </c>
      <c r="M134" s="166"/>
    </row>
    <row r="135" spans="1:13" ht="10.5" x14ac:dyDescent="0.2">
      <c r="A135" s="591" t="s">
        <v>712</v>
      </c>
      <c r="B135" s="567">
        <v>21507400</v>
      </c>
      <c r="C135" s="567">
        <v>21507400</v>
      </c>
      <c r="D135" s="567">
        <v>906240</v>
      </c>
      <c r="E135" s="567">
        <v>1813999.02</v>
      </c>
      <c r="F135" s="567">
        <v>1.2352309160373703E-2</v>
      </c>
      <c r="G135" s="567">
        <v>19693400.98</v>
      </c>
      <c r="H135" s="567">
        <v>906240</v>
      </c>
      <c r="I135" s="567">
        <v>1813999.02</v>
      </c>
      <c r="J135" s="567">
        <v>1.3339945272837668E-2</v>
      </c>
      <c r="K135" s="567">
        <v>19693400.98</v>
      </c>
      <c r="L135" s="568">
        <v>0</v>
      </c>
    </row>
    <row r="136" spans="1:13" ht="10.5" x14ac:dyDescent="0.2">
      <c r="A136" s="591"/>
      <c r="B136" s="567"/>
      <c r="C136" s="565"/>
      <c r="D136" s="565"/>
      <c r="E136" s="565"/>
      <c r="F136" s="565"/>
      <c r="G136" s="565"/>
      <c r="H136" s="565"/>
      <c r="I136" s="565"/>
      <c r="J136" s="567"/>
      <c r="K136" s="567"/>
      <c r="L136" s="568"/>
    </row>
    <row r="137" spans="1:13" s="73" customFormat="1" ht="10.5" x14ac:dyDescent="0.2">
      <c r="A137" s="152" t="s">
        <v>714</v>
      </c>
      <c r="B137" s="565">
        <v>38954900</v>
      </c>
      <c r="C137" s="565">
        <v>36186013.399999999</v>
      </c>
      <c r="D137" s="565">
        <v>-32506.709999999352</v>
      </c>
      <c r="E137" s="565">
        <v>21672709.719999991</v>
      </c>
      <c r="F137" s="565">
        <v>0.14757891699659026</v>
      </c>
      <c r="G137" s="565">
        <v>14513303.680000007</v>
      </c>
      <c r="H137" s="565">
        <v>3379634.0299999993</v>
      </c>
      <c r="I137" s="565">
        <v>20540069.41</v>
      </c>
      <c r="J137" s="565">
        <v>0.15104936596365254</v>
      </c>
      <c r="K137" s="565">
        <v>15645943.989999998</v>
      </c>
      <c r="L137" s="566">
        <v>1132640.3099999898</v>
      </c>
      <c r="M137" s="166"/>
    </row>
    <row r="138" spans="1:13" ht="10.5" x14ac:dyDescent="0.2">
      <c r="A138" s="591" t="s">
        <v>860</v>
      </c>
      <c r="B138" s="567">
        <v>151600</v>
      </c>
      <c r="C138" s="567">
        <v>151600</v>
      </c>
      <c r="D138" s="567">
        <v>0</v>
      </c>
      <c r="E138" s="567">
        <v>0</v>
      </c>
      <c r="F138" s="567">
        <v>0</v>
      </c>
      <c r="G138" s="567">
        <v>151600</v>
      </c>
      <c r="H138" s="567">
        <v>0</v>
      </c>
      <c r="I138" s="567">
        <v>0</v>
      </c>
      <c r="J138" s="567">
        <v>0</v>
      </c>
      <c r="K138" s="567">
        <v>151600</v>
      </c>
      <c r="L138" s="568">
        <v>0</v>
      </c>
    </row>
    <row r="139" spans="1:13" ht="10.5" x14ac:dyDescent="0.2">
      <c r="A139" s="228" t="s">
        <v>759</v>
      </c>
      <c r="B139" s="567">
        <v>18149000</v>
      </c>
      <c r="C139" s="567">
        <v>17889000</v>
      </c>
      <c r="D139" s="567">
        <v>322996.13000000018</v>
      </c>
      <c r="E139" s="567">
        <v>11334803.259999998</v>
      </c>
      <c r="F139" s="567">
        <v>7.7183610683280127E-2</v>
      </c>
      <c r="G139" s="567">
        <v>6554196.7400000021</v>
      </c>
      <c r="H139" s="567">
        <v>1720869.9399999997</v>
      </c>
      <c r="I139" s="567">
        <v>11012495.070000008</v>
      </c>
      <c r="J139" s="567">
        <v>8.0984653206259569E-2</v>
      </c>
      <c r="K139" s="567">
        <v>6876504.9299999923</v>
      </c>
      <c r="L139" s="568">
        <v>322308.18999999017</v>
      </c>
    </row>
    <row r="140" spans="1:13" ht="10.5" x14ac:dyDescent="0.2">
      <c r="A140" s="591" t="s">
        <v>715</v>
      </c>
      <c r="B140" s="567">
        <v>8583400</v>
      </c>
      <c r="C140" s="567">
        <v>8679023.4000000004</v>
      </c>
      <c r="D140" s="567">
        <v>-574146.51999999955</v>
      </c>
      <c r="E140" s="567">
        <v>6853633.8699999945</v>
      </c>
      <c r="F140" s="567">
        <v>4.666937716110145E-2</v>
      </c>
      <c r="G140" s="567">
        <v>1825389.5300000058</v>
      </c>
      <c r="H140" s="567">
        <v>973814.58</v>
      </c>
      <c r="I140" s="567">
        <v>6464570.349999995</v>
      </c>
      <c r="J140" s="567">
        <v>4.7539725066339335E-2</v>
      </c>
      <c r="K140" s="567">
        <v>2214453.0500000054</v>
      </c>
      <c r="L140" s="568">
        <v>389063.51999999955</v>
      </c>
    </row>
    <row r="141" spans="1:13" ht="10.5" x14ac:dyDescent="0.2">
      <c r="A141" s="591" t="s">
        <v>716</v>
      </c>
      <c r="B141" s="567">
        <v>12070900</v>
      </c>
      <c r="C141" s="567">
        <v>9466390</v>
      </c>
      <c r="D141" s="567">
        <v>218643.68000000002</v>
      </c>
      <c r="E141" s="567">
        <v>3484272.5899999994</v>
      </c>
      <c r="F141" s="567">
        <v>2.3725929152208693E-2</v>
      </c>
      <c r="G141" s="567">
        <v>5982117.4100000001</v>
      </c>
      <c r="H141" s="567">
        <v>684949.50999999989</v>
      </c>
      <c r="I141" s="567">
        <v>3063003.9899999993</v>
      </c>
      <c r="J141" s="567">
        <v>2.2524987691053662E-2</v>
      </c>
      <c r="K141" s="567">
        <v>6403386.0100000007</v>
      </c>
      <c r="L141" s="568">
        <v>421268.60000000009</v>
      </c>
    </row>
    <row r="142" spans="1:13" ht="10.5" x14ac:dyDescent="0.2">
      <c r="A142" s="591"/>
      <c r="B142" s="567"/>
      <c r="C142" s="567"/>
      <c r="D142" s="567"/>
      <c r="E142" s="567"/>
      <c r="F142" s="567"/>
      <c r="G142" s="567"/>
      <c r="H142" s="567"/>
      <c r="I142" s="567"/>
      <c r="J142" s="567"/>
      <c r="K142" s="567"/>
      <c r="L142" s="568"/>
    </row>
    <row r="143" spans="1:13" s="73" customFormat="1" ht="10.5" x14ac:dyDescent="0.2">
      <c r="A143" s="152" t="s">
        <v>717</v>
      </c>
      <c r="B143" s="565">
        <v>42633100</v>
      </c>
      <c r="C143" s="565">
        <v>64335100</v>
      </c>
      <c r="D143" s="565">
        <v>10406961.690000001</v>
      </c>
      <c r="E143" s="565">
        <v>41329998.660000011</v>
      </c>
      <c r="F143" s="565">
        <v>0.28143395636793178</v>
      </c>
      <c r="G143" s="565">
        <v>23005101.339999989</v>
      </c>
      <c r="H143" s="565">
        <v>9593252.6400000006</v>
      </c>
      <c r="I143" s="565">
        <v>34492290.269999996</v>
      </c>
      <c r="J143" s="565">
        <v>0.25365243280926975</v>
      </c>
      <c r="K143" s="565">
        <v>29842809.73</v>
      </c>
      <c r="L143" s="566">
        <v>6837708.3900000136</v>
      </c>
      <c r="M143" s="166"/>
    </row>
    <row r="144" spans="1:13" s="289" customFormat="1" ht="10.5" x14ac:dyDescent="0.2">
      <c r="A144" s="591" t="s">
        <v>657</v>
      </c>
      <c r="B144" s="567">
        <v>39113000</v>
      </c>
      <c r="C144" s="567">
        <v>60963000</v>
      </c>
      <c r="D144" s="567">
        <v>10190098.890000001</v>
      </c>
      <c r="E144" s="567">
        <v>39866603.940000013</v>
      </c>
      <c r="F144" s="567">
        <v>0.27146906454285324</v>
      </c>
      <c r="G144" s="567">
        <v>21096396.059999987</v>
      </c>
      <c r="H144" s="567">
        <v>9350091.0500000007</v>
      </c>
      <c r="I144" s="567">
        <v>33050424.629999999</v>
      </c>
      <c r="J144" s="567">
        <v>0.24304911466173015</v>
      </c>
      <c r="K144" s="567">
        <v>27912575.370000001</v>
      </c>
      <c r="L144" s="568">
        <v>6816179.3100000136</v>
      </c>
      <c r="M144" s="228"/>
    </row>
    <row r="145" spans="1:13" s="289" customFormat="1" ht="10.5" x14ac:dyDescent="0.2">
      <c r="A145" s="591" t="s">
        <v>759</v>
      </c>
      <c r="B145" s="567">
        <v>3520100</v>
      </c>
      <c r="C145" s="567">
        <v>3372099.9999999995</v>
      </c>
      <c r="D145" s="567">
        <v>216862.8</v>
      </c>
      <c r="E145" s="567">
        <v>1463394.72</v>
      </c>
      <c r="F145" s="567">
        <v>9.9648918250785541E-3</v>
      </c>
      <c r="G145" s="567">
        <v>1908705.2799999996</v>
      </c>
      <c r="H145" s="567">
        <v>243161.58999999997</v>
      </c>
      <c r="I145" s="567">
        <v>1441865.6399999994</v>
      </c>
      <c r="J145" s="567">
        <v>1.0603318147539601E-2</v>
      </c>
      <c r="K145" s="567">
        <v>1930234.36</v>
      </c>
      <c r="L145" s="568">
        <v>21529.08000000054</v>
      </c>
      <c r="M145" s="228"/>
    </row>
    <row r="146" spans="1:13" s="289" customFormat="1" ht="10.5" x14ac:dyDescent="0.2">
      <c r="A146" s="591"/>
      <c r="B146" s="567"/>
      <c r="C146" s="567"/>
      <c r="D146" s="567"/>
      <c r="E146" s="567"/>
      <c r="F146" s="567"/>
      <c r="G146" s="567"/>
      <c r="H146" s="567"/>
      <c r="I146" s="567"/>
      <c r="J146" s="567"/>
      <c r="K146" s="567"/>
      <c r="L146" s="568">
        <v>0</v>
      </c>
      <c r="M146" s="228"/>
    </row>
    <row r="147" spans="1:13" s="73" customFormat="1" ht="10.5" x14ac:dyDescent="0.2">
      <c r="A147" s="152" t="s">
        <v>718</v>
      </c>
      <c r="B147" s="565">
        <v>36724000</v>
      </c>
      <c r="C147" s="565">
        <v>28715220</v>
      </c>
      <c r="D147" s="565">
        <v>0</v>
      </c>
      <c r="E147" s="565">
        <v>0</v>
      </c>
      <c r="F147" s="565">
        <v>0</v>
      </c>
      <c r="G147" s="565">
        <v>28715220</v>
      </c>
      <c r="H147" s="565">
        <v>0</v>
      </c>
      <c r="I147" s="565">
        <v>0</v>
      </c>
      <c r="J147" s="565">
        <v>0</v>
      </c>
      <c r="K147" s="565">
        <v>28715220</v>
      </c>
      <c r="L147" s="566">
        <v>0</v>
      </c>
      <c r="M147" s="166"/>
    </row>
    <row r="148" spans="1:13" ht="10.5" x14ac:dyDescent="0.2">
      <c r="A148" s="591" t="s">
        <v>704</v>
      </c>
      <c r="B148" s="567">
        <v>2624000</v>
      </c>
      <c r="C148" s="567">
        <v>2624000</v>
      </c>
      <c r="D148" s="567">
        <v>0</v>
      </c>
      <c r="E148" s="567">
        <v>0</v>
      </c>
      <c r="F148" s="567">
        <v>0</v>
      </c>
      <c r="G148" s="567">
        <v>2624000</v>
      </c>
      <c r="H148" s="567">
        <v>0</v>
      </c>
      <c r="I148" s="567">
        <v>0</v>
      </c>
      <c r="J148" s="567">
        <v>0</v>
      </c>
      <c r="K148" s="567">
        <v>2624000</v>
      </c>
      <c r="L148" s="568">
        <v>0</v>
      </c>
    </row>
    <row r="149" spans="1:13" ht="10.5" x14ac:dyDescent="0.2">
      <c r="A149" s="591" t="s">
        <v>719</v>
      </c>
      <c r="B149" s="567">
        <v>34100000</v>
      </c>
      <c r="C149" s="567">
        <v>26091220</v>
      </c>
      <c r="D149" s="567">
        <v>0</v>
      </c>
      <c r="E149" s="567">
        <v>0</v>
      </c>
      <c r="F149" s="567">
        <v>0</v>
      </c>
      <c r="G149" s="567">
        <v>26091220</v>
      </c>
      <c r="H149" s="567">
        <v>0</v>
      </c>
      <c r="I149" s="567">
        <v>0</v>
      </c>
      <c r="J149" s="567">
        <v>0</v>
      </c>
      <c r="K149" s="567">
        <v>26091220</v>
      </c>
      <c r="L149" s="568">
        <v>0</v>
      </c>
    </row>
    <row r="150" spans="1:13" ht="10.5" x14ac:dyDescent="0.2">
      <c r="A150" s="591"/>
      <c r="B150" s="567"/>
      <c r="C150" s="567"/>
      <c r="D150" s="567"/>
      <c r="E150" s="567"/>
      <c r="F150" s="567"/>
      <c r="G150" s="567"/>
      <c r="H150" s="567"/>
      <c r="I150" s="567"/>
      <c r="J150" s="565"/>
      <c r="K150" s="565"/>
      <c r="L150" s="568"/>
    </row>
    <row r="151" spans="1:13" s="73" customFormat="1" ht="10.5" x14ac:dyDescent="0.2">
      <c r="A151" s="152" t="s">
        <v>720</v>
      </c>
      <c r="B151" s="565">
        <v>624942200</v>
      </c>
      <c r="C151" s="565">
        <v>601496780.99999988</v>
      </c>
      <c r="D151" s="565">
        <v>-59401637.479999982</v>
      </c>
      <c r="E151" s="565">
        <v>434425679.07000011</v>
      </c>
      <c r="F151" s="565">
        <v>2.9581936020439135</v>
      </c>
      <c r="G151" s="565">
        <v>167071101.92999977</v>
      </c>
      <c r="H151" s="565">
        <v>67450070.11999999</v>
      </c>
      <c r="I151" s="565">
        <v>382045102.99000013</v>
      </c>
      <c r="J151" s="565">
        <v>2.8095168241282908</v>
      </c>
      <c r="K151" s="565">
        <v>219451678.00999972</v>
      </c>
      <c r="L151" s="566">
        <v>52380576.079999961</v>
      </c>
      <c r="M151" s="166"/>
    </row>
    <row r="152" spans="1:13" ht="10.5" x14ac:dyDescent="0.2">
      <c r="A152" s="25" t="s">
        <v>651</v>
      </c>
      <c r="B152" s="567">
        <v>57620000</v>
      </c>
      <c r="C152" s="567">
        <v>79512499.999999955</v>
      </c>
      <c r="D152" s="567">
        <v>-1278724.94</v>
      </c>
      <c r="E152" s="567">
        <v>63600295.620000035</v>
      </c>
      <c r="F152" s="567">
        <v>0.43308210507710299</v>
      </c>
      <c r="G152" s="567">
        <v>15912204.379999921</v>
      </c>
      <c r="H152" s="567">
        <v>9606422.0399999972</v>
      </c>
      <c r="I152" s="567">
        <v>57729510.470000021</v>
      </c>
      <c r="J152" s="567">
        <v>0.42453634307779803</v>
      </c>
      <c r="K152" s="567">
        <v>21782989.529999934</v>
      </c>
      <c r="L152" s="568">
        <v>5870785.1500000134</v>
      </c>
    </row>
    <row r="153" spans="1:13" ht="10.5" x14ac:dyDescent="0.2">
      <c r="A153" s="591" t="s">
        <v>721</v>
      </c>
      <c r="B153" s="567">
        <v>9000000</v>
      </c>
      <c r="C153" s="567">
        <v>114000.00000000023</v>
      </c>
      <c r="D153" s="567">
        <v>0</v>
      </c>
      <c r="E153" s="567">
        <v>42056.26</v>
      </c>
      <c r="F153" s="567">
        <v>2.8637938605339386E-4</v>
      </c>
      <c r="G153" s="567">
        <v>71943.740000000224</v>
      </c>
      <c r="H153" s="567">
        <v>0</v>
      </c>
      <c r="I153" s="567">
        <v>42056.26</v>
      </c>
      <c r="J153" s="567">
        <v>3.0927701756985069E-4</v>
      </c>
      <c r="K153" s="567">
        <v>71943.740000000224</v>
      </c>
      <c r="L153" s="568">
        <v>0</v>
      </c>
    </row>
    <row r="154" spans="1:13" ht="10.5" x14ac:dyDescent="0.2">
      <c r="A154" s="591" t="s">
        <v>722</v>
      </c>
      <c r="B154" s="567">
        <v>540022200</v>
      </c>
      <c r="C154" s="567">
        <v>513925780.99999994</v>
      </c>
      <c r="D154" s="567">
        <v>-58724983.749999985</v>
      </c>
      <c r="E154" s="567">
        <v>370039963.98000008</v>
      </c>
      <c r="F154" s="567">
        <v>2.5197632338161404</v>
      </c>
      <c r="G154" s="567">
        <v>143885817.01999986</v>
      </c>
      <c r="H154" s="567">
        <v>57241576.869999997</v>
      </c>
      <c r="I154" s="567">
        <v>323530173.05000013</v>
      </c>
      <c r="J154" s="567">
        <v>2.3792045943876539</v>
      </c>
      <c r="K154" s="567">
        <v>190395607.94999981</v>
      </c>
      <c r="L154" s="568">
        <v>46509790.929999948</v>
      </c>
    </row>
    <row r="155" spans="1:13" ht="10.5" x14ac:dyDescent="0.2">
      <c r="A155" s="591" t="s">
        <v>723</v>
      </c>
      <c r="B155" s="567">
        <v>14300000</v>
      </c>
      <c r="C155" s="567">
        <v>7444500</v>
      </c>
      <c r="D155" s="567">
        <v>602071.21</v>
      </c>
      <c r="E155" s="567">
        <v>743363.21</v>
      </c>
      <c r="F155" s="567">
        <v>5.0618837646162563E-3</v>
      </c>
      <c r="G155" s="567">
        <v>6701136.79</v>
      </c>
      <c r="H155" s="567">
        <v>602071.21</v>
      </c>
      <c r="I155" s="567">
        <v>743363.21</v>
      </c>
      <c r="J155" s="567">
        <v>5.466609645269232E-3</v>
      </c>
      <c r="K155" s="567">
        <v>6701136.79</v>
      </c>
      <c r="L155" s="568">
        <v>0</v>
      </c>
    </row>
    <row r="156" spans="1:13" ht="10.5" x14ac:dyDescent="0.2">
      <c r="A156" s="591" t="s">
        <v>724</v>
      </c>
      <c r="B156" s="567">
        <v>4000000</v>
      </c>
      <c r="C156" s="567">
        <v>500000</v>
      </c>
      <c r="D156" s="567">
        <v>0</v>
      </c>
      <c r="E156" s="567">
        <v>0</v>
      </c>
      <c r="F156" s="567">
        <v>0</v>
      </c>
      <c r="G156" s="567">
        <v>500000</v>
      </c>
      <c r="H156" s="567">
        <v>0</v>
      </c>
      <c r="I156" s="567">
        <v>0</v>
      </c>
      <c r="J156" s="567">
        <v>0</v>
      </c>
      <c r="K156" s="567">
        <v>500000</v>
      </c>
      <c r="L156" s="568">
        <v>0</v>
      </c>
    </row>
    <row r="157" spans="1:13" s="199" customFormat="1" ht="10.5" x14ac:dyDescent="0.2">
      <c r="A157" s="591"/>
      <c r="B157" s="567"/>
      <c r="C157" s="565"/>
      <c r="D157" s="565"/>
      <c r="E157" s="565"/>
      <c r="F157" s="565"/>
      <c r="G157" s="567"/>
      <c r="H157" s="565"/>
      <c r="I157" s="565"/>
      <c r="J157" s="567"/>
      <c r="K157" s="565"/>
      <c r="L157" s="568"/>
      <c r="M157" s="228"/>
    </row>
    <row r="158" spans="1:13" s="73" customFormat="1" ht="10.5" x14ac:dyDescent="0.2">
      <c r="A158" s="152" t="s">
        <v>725</v>
      </c>
      <c r="B158" s="565">
        <v>21680800</v>
      </c>
      <c r="C158" s="565">
        <v>21891800</v>
      </c>
      <c r="D158" s="565">
        <v>595026.08000000007</v>
      </c>
      <c r="E158" s="565">
        <v>9179887.8299999982</v>
      </c>
      <c r="F158" s="565">
        <v>6.2509853248824826E-2</v>
      </c>
      <c r="G158" s="565">
        <v>12711912.170000002</v>
      </c>
      <c r="H158" s="565">
        <v>1171623.9699999997</v>
      </c>
      <c r="I158" s="565">
        <v>7545914.9100000039</v>
      </c>
      <c r="J158" s="565">
        <v>5.5491811639947757E-2</v>
      </c>
      <c r="K158" s="565">
        <v>14345885.089999996</v>
      </c>
      <c r="L158" s="566">
        <v>1633972.9199999943</v>
      </c>
      <c r="M158" s="166"/>
    </row>
    <row r="159" spans="1:13" ht="10.5" x14ac:dyDescent="0.2">
      <c r="A159" s="591" t="s">
        <v>726</v>
      </c>
      <c r="B159" s="567">
        <v>12685000</v>
      </c>
      <c r="C159" s="567">
        <v>12685000</v>
      </c>
      <c r="D159" s="567">
        <v>344906.36</v>
      </c>
      <c r="E159" s="567">
        <v>3477363.5400000014</v>
      </c>
      <c r="F159" s="567">
        <v>2.3678882422489701E-2</v>
      </c>
      <c r="G159" s="567">
        <v>9207636.459999999</v>
      </c>
      <c r="H159" s="567">
        <v>547580.57999999984</v>
      </c>
      <c r="I159" s="567">
        <v>3312440.8399999985</v>
      </c>
      <c r="J159" s="567">
        <v>2.4359318300575715E-2</v>
      </c>
      <c r="K159" s="567">
        <v>9372559.160000002</v>
      </c>
      <c r="L159" s="568">
        <v>164922.70000000298</v>
      </c>
    </row>
    <row r="160" spans="1:13" ht="10.5" x14ac:dyDescent="0.2">
      <c r="A160" s="591" t="s">
        <v>727</v>
      </c>
      <c r="B160" s="567">
        <v>8995800</v>
      </c>
      <c r="C160" s="567">
        <v>9206800</v>
      </c>
      <c r="D160" s="567">
        <v>250119.72000000003</v>
      </c>
      <c r="E160" s="567">
        <v>5702524.2899999963</v>
      </c>
      <c r="F160" s="567">
        <v>3.8830970826335125E-2</v>
      </c>
      <c r="G160" s="567">
        <v>3504275.7100000037</v>
      </c>
      <c r="H160" s="567">
        <v>624043.3899999999</v>
      </c>
      <c r="I160" s="567">
        <v>4233474.070000005</v>
      </c>
      <c r="J160" s="567">
        <v>3.1132493339372042E-2</v>
      </c>
      <c r="K160" s="567">
        <v>4973325.929999995</v>
      </c>
      <c r="L160" s="568">
        <v>1469050.2199999914</v>
      </c>
    </row>
    <row r="161" spans="1:13" ht="10.5" x14ac:dyDescent="0.2">
      <c r="A161" s="591"/>
      <c r="B161" s="567"/>
      <c r="C161" s="565"/>
      <c r="D161" s="565"/>
      <c r="E161" s="565"/>
      <c r="F161" s="565"/>
      <c r="G161" s="567"/>
      <c r="H161" s="565"/>
      <c r="I161" s="565"/>
      <c r="J161" s="565"/>
      <c r="K161" s="565"/>
      <c r="L161" s="568"/>
    </row>
    <row r="162" spans="1:13" s="73" customFormat="1" ht="10.5" x14ac:dyDescent="0.2">
      <c r="A162" s="152" t="s">
        <v>728</v>
      </c>
      <c r="B162" s="565">
        <v>3188200900</v>
      </c>
      <c r="C162" s="565">
        <v>3527850610</v>
      </c>
      <c r="D162" s="565">
        <v>317906178.57999998</v>
      </c>
      <c r="E162" s="565">
        <v>3483059052.7600002</v>
      </c>
      <c r="F162" s="565">
        <v>23.717665648755368</v>
      </c>
      <c r="G162" s="565">
        <v>44791557.24000001</v>
      </c>
      <c r="H162" s="565">
        <v>590160477.11000001</v>
      </c>
      <c r="I162" s="565">
        <v>3401557130.5599999</v>
      </c>
      <c r="J162" s="565">
        <v>25.014669503019434</v>
      </c>
      <c r="K162" s="565">
        <v>126293479.43999998</v>
      </c>
      <c r="L162" s="566">
        <v>81501922.199999973</v>
      </c>
      <c r="M162" s="166"/>
    </row>
    <row r="163" spans="1:13" s="435" customFormat="1" ht="10.5" x14ac:dyDescent="0.2">
      <c r="A163" s="434" t="s">
        <v>809</v>
      </c>
      <c r="B163" s="751">
        <v>902294300</v>
      </c>
      <c r="C163" s="567">
        <v>1061407200</v>
      </c>
      <c r="D163" s="567">
        <v>161618358.94</v>
      </c>
      <c r="E163" s="567">
        <v>1061407058.9400001</v>
      </c>
      <c r="F163" s="567">
        <v>7.2275828115000165</v>
      </c>
      <c r="G163" s="567">
        <v>141.05999994277954</v>
      </c>
      <c r="H163" s="567">
        <v>235064934.64000002</v>
      </c>
      <c r="I163" s="567">
        <v>1061407058.9400001</v>
      </c>
      <c r="J163" s="567">
        <v>7.8054684276859119</v>
      </c>
      <c r="K163" s="567">
        <v>141.05999994277954</v>
      </c>
      <c r="L163" s="568">
        <v>0</v>
      </c>
      <c r="M163" s="525"/>
    </row>
    <row r="164" spans="1:13" ht="10.5" x14ac:dyDescent="0.2">
      <c r="A164" s="591" t="s">
        <v>729</v>
      </c>
      <c r="B164" s="567">
        <v>110205800</v>
      </c>
      <c r="C164" s="567">
        <v>125786300</v>
      </c>
      <c r="D164" s="567">
        <v>13169382.41</v>
      </c>
      <c r="E164" s="567">
        <v>124512198.99999999</v>
      </c>
      <c r="F164" s="567">
        <v>0.84785777683935759</v>
      </c>
      <c r="G164" s="567">
        <v>1274101.0000000149</v>
      </c>
      <c r="H164" s="567">
        <v>23905362.84</v>
      </c>
      <c r="I164" s="567">
        <v>124476411.65000001</v>
      </c>
      <c r="J164" s="567">
        <v>0.91538556573763386</v>
      </c>
      <c r="K164" s="567">
        <v>1309888.349999994</v>
      </c>
      <c r="L164" s="568">
        <v>35787.349999979138</v>
      </c>
    </row>
    <row r="165" spans="1:13" ht="10.5" x14ac:dyDescent="0.2">
      <c r="A165" s="591" t="s">
        <v>730</v>
      </c>
      <c r="B165" s="567">
        <v>25403600</v>
      </c>
      <c r="C165" s="567">
        <v>27272600</v>
      </c>
      <c r="D165" s="567">
        <v>5560071.4099999992</v>
      </c>
      <c r="E165" s="567">
        <v>27180004.169999998</v>
      </c>
      <c r="F165" s="567">
        <v>0.18508048283735368</v>
      </c>
      <c r="G165" s="567">
        <v>92595.830000001937</v>
      </c>
      <c r="H165" s="567">
        <v>11043270.59</v>
      </c>
      <c r="I165" s="567">
        <v>27180004.169999998</v>
      </c>
      <c r="J165" s="567">
        <v>0.19987870122625509</v>
      </c>
      <c r="K165" s="567">
        <v>92595.830000001937</v>
      </c>
      <c r="L165" s="568">
        <v>0</v>
      </c>
    </row>
    <row r="166" spans="1:13" ht="10.5" x14ac:dyDescent="0.2">
      <c r="A166" s="591" t="s">
        <v>760</v>
      </c>
      <c r="B166" s="567">
        <v>1939605500</v>
      </c>
      <c r="C166" s="567">
        <v>2053649200</v>
      </c>
      <c r="D166" s="567">
        <v>107863792.03</v>
      </c>
      <c r="E166" s="567">
        <v>2041923692.03</v>
      </c>
      <c r="F166" s="567">
        <v>13.904347492892393</v>
      </c>
      <c r="G166" s="567">
        <v>11725507.970000029</v>
      </c>
      <c r="H166" s="567">
        <v>283497405.66999996</v>
      </c>
      <c r="I166" s="567">
        <v>1965591751.1499999</v>
      </c>
      <c r="J166" s="567">
        <v>14.454741209883428</v>
      </c>
      <c r="K166" s="567">
        <v>88057448.850000143</v>
      </c>
      <c r="L166" s="568">
        <v>76331940.880000114</v>
      </c>
    </row>
    <row r="167" spans="1:13" ht="10.5" x14ac:dyDescent="0.2">
      <c r="A167" s="591" t="s">
        <v>731</v>
      </c>
      <c r="B167" s="567">
        <v>210691700</v>
      </c>
      <c r="C167" s="567">
        <v>259735310</v>
      </c>
      <c r="D167" s="567">
        <v>29694573.790000003</v>
      </c>
      <c r="E167" s="567">
        <v>228036098.61999997</v>
      </c>
      <c r="F167" s="567">
        <v>1.5527970846862458</v>
      </c>
      <c r="G167" s="567">
        <v>31699211.380000025</v>
      </c>
      <c r="H167" s="567">
        <v>36649503.370000005</v>
      </c>
      <c r="I167" s="567">
        <v>222901904.6500001</v>
      </c>
      <c r="J167" s="567">
        <v>1.6391955984862003</v>
      </c>
      <c r="K167" s="567">
        <v>36833405.349999905</v>
      </c>
      <c r="L167" s="568">
        <v>5134193.9699998796</v>
      </c>
    </row>
    <row r="168" spans="1:13" ht="10.5" customHeight="1" x14ac:dyDescent="0.2">
      <c r="A168" s="591"/>
      <c r="B168" s="567"/>
      <c r="C168" s="565"/>
      <c r="D168" s="565"/>
      <c r="E168" s="565"/>
      <c r="F168" s="565"/>
      <c r="G168" s="565"/>
      <c r="H168" s="565"/>
      <c r="I168" s="565"/>
      <c r="J168" s="565"/>
      <c r="K168" s="565"/>
      <c r="L168" s="568"/>
    </row>
    <row r="169" spans="1:13" s="73" customFormat="1" ht="10.5" customHeight="1" x14ac:dyDescent="0.2">
      <c r="A169" s="153" t="s">
        <v>732</v>
      </c>
      <c r="B169" s="565">
        <v>116875200</v>
      </c>
      <c r="C169" s="565">
        <v>0</v>
      </c>
      <c r="D169" s="565">
        <v>0</v>
      </c>
      <c r="E169" s="565">
        <v>0</v>
      </c>
      <c r="F169" s="565">
        <v>0</v>
      </c>
      <c r="G169" s="565">
        <v>0</v>
      </c>
      <c r="H169" s="565">
        <v>0</v>
      </c>
      <c r="I169" s="565">
        <v>0</v>
      </c>
      <c r="J169" s="565">
        <v>0</v>
      </c>
      <c r="K169" s="565">
        <v>0</v>
      </c>
      <c r="L169" s="568">
        <v>0</v>
      </c>
      <c r="M169" s="166"/>
    </row>
    <row r="170" spans="1:13" ht="10.5" x14ac:dyDescent="0.2">
      <c r="A170" s="25" t="s">
        <v>734</v>
      </c>
      <c r="B170" s="567">
        <v>28960200</v>
      </c>
      <c r="C170" s="567">
        <v>0</v>
      </c>
      <c r="D170" s="567">
        <v>0</v>
      </c>
      <c r="E170" s="567">
        <v>0</v>
      </c>
      <c r="F170" s="565">
        <v>0</v>
      </c>
      <c r="G170" s="567">
        <v>0</v>
      </c>
      <c r="H170" s="567">
        <v>0</v>
      </c>
      <c r="I170" s="567">
        <v>0</v>
      </c>
      <c r="J170" s="567">
        <v>0</v>
      </c>
      <c r="K170" s="567">
        <v>0</v>
      </c>
      <c r="L170" s="568">
        <v>0</v>
      </c>
    </row>
    <row r="171" spans="1:13" ht="11.25" customHeight="1" x14ac:dyDescent="0.2">
      <c r="A171" s="25" t="s">
        <v>733</v>
      </c>
      <c r="B171" s="567">
        <v>87915000</v>
      </c>
      <c r="C171" s="567">
        <v>0</v>
      </c>
      <c r="D171" s="567">
        <v>0</v>
      </c>
      <c r="E171" s="567">
        <v>0</v>
      </c>
      <c r="F171" s="565">
        <v>0</v>
      </c>
      <c r="G171" s="567">
        <v>0</v>
      </c>
      <c r="H171" s="567">
        <v>0</v>
      </c>
      <c r="I171" s="567">
        <v>0</v>
      </c>
      <c r="J171" s="567">
        <v>0</v>
      </c>
      <c r="K171" s="567">
        <v>0</v>
      </c>
      <c r="L171" s="568">
        <v>0</v>
      </c>
    </row>
    <row r="172" spans="1:13" ht="11.25" customHeight="1" x14ac:dyDescent="0.2">
      <c r="A172" s="25"/>
      <c r="B172" s="567"/>
      <c r="C172" s="567"/>
      <c r="D172" s="567"/>
      <c r="E172" s="567"/>
      <c r="F172" s="567"/>
      <c r="G172" s="567"/>
      <c r="H172" s="567"/>
      <c r="I172" s="567"/>
      <c r="J172" s="565"/>
      <c r="K172" s="565"/>
      <c r="L172" s="568"/>
    </row>
    <row r="173" spans="1:13" s="73" customFormat="1" ht="15" customHeight="1" x14ac:dyDescent="0.2">
      <c r="A173" s="152" t="s">
        <v>221</v>
      </c>
      <c r="B173" s="565">
        <v>931270300</v>
      </c>
      <c r="C173" s="565">
        <v>2212192140.0999999</v>
      </c>
      <c r="D173" s="565">
        <v>360974377.23000002</v>
      </c>
      <c r="E173" s="565">
        <v>2146821897.1900001</v>
      </c>
      <c r="F173" s="565">
        <v>14.618645045547426</v>
      </c>
      <c r="G173" s="565">
        <v>65370242.910000175</v>
      </c>
      <c r="H173" s="565">
        <v>441937532.48000002</v>
      </c>
      <c r="I173" s="565">
        <v>2023172051.3800006</v>
      </c>
      <c r="J173" s="565">
        <v>14.878180277596801</v>
      </c>
      <c r="K173" s="565">
        <v>189020088.71999991</v>
      </c>
      <c r="L173" s="756">
        <v>123649845.80999972</v>
      </c>
      <c r="M173" s="166"/>
    </row>
    <row r="174" spans="1:13" ht="15" customHeight="1" x14ac:dyDescent="0.2">
      <c r="A174" s="590" t="s">
        <v>222</v>
      </c>
      <c r="B174" s="467">
        <v>13057110000</v>
      </c>
      <c r="C174" s="467">
        <v>16331931372.189999</v>
      </c>
      <c r="D174" s="467">
        <v>1952175998.6700001</v>
      </c>
      <c r="E174" s="467">
        <v>14685505328.99</v>
      </c>
      <c r="F174" s="752">
        <v>100</v>
      </c>
      <c r="G174" s="467">
        <v>1646426043.200001</v>
      </c>
      <c r="H174" s="467">
        <v>2590137032.6199999</v>
      </c>
      <c r="I174" s="467">
        <v>13598249339.850004</v>
      </c>
      <c r="J174" s="752">
        <v>100</v>
      </c>
      <c r="K174" s="753">
        <v>2733682032.3399978</v>
      </c>
      <c r="L174" s="245">
        <v>1087255989.1399961</v>
      </c>
    </row>
    <row r="175" spans="1:13" ht="11.25" customHeight="1" x14ac:dyDescent="0.2">
      <c r="A175" s="72" t="s">
        <v>863</v>
      </c>
      <c r="L175" s="320"/>
    </row>
    <row r="176" spans="1:13" ht="11.25" customHeight="1" x14ac:dyDescent="0.2">
      <c r="A176" s="592"/>
      <c r="D176" s="215"/>
      <c r="I176" s="215"/>
    </row>
    <row r="177" spans="1:13" s="289" customFormat="1" ht="11.25" customHeight="1" x14ac:dyDescent="0.2">
      <c r="A177" s="592"/>
      <c r="B177" s="215"/>
      <c r="C177" s="215"/>
      <c r="D177" s="215"/>
      <c r="E177" s="215"/>
      <c r="F177" s="215"/>
      <c r="G177" s="215"/>
      <c r="H177" s="215"/>
      <c r="I177" s="215"/>
      <c r="J177" s="611"/>
      <c r="K177" s="611"/>
      <c r="L177" s="50"/>
      <c r="M177" s="228"/>
    </row>
    <row r="178" spans="1:13" s="289" customFormat="1" ht="11.25" customHeight="1" x14ac:dyDescent="0.2">
      <c r="A178" s="592"/>
      <c r="B178" s="611"/>
      <c r="C178" s="611"/>
      <c r="D178" s="215"/>
      <c r="E178" s="611"/>
      <c r="F178" s="611"/>
      <c r="G178" s="611"/>
      <c r="H178" s="611"/>
      <c r="I178" s="215"/>
      <c r="J178" s="611"/>
      <c r="K178" s="611"/>
      <c r="L178" s="50"/>
      <c r="M178" s="228"/>
    </row>
    <row r="179" spans="1:13" s="289" customFormat="1" ht="11.25" customHeight="1" x14ac:dyDescent="0.2">
      <c r="A179" s="592"/>
      <c r="B179" s="50"/>
      <c r="C179" s="50"/>
      <c r="D179" s="215"/>
      <c r="E179" s="50"/>
      <c r="F179" s="50"/>
      <c r="G179" s="50"/>
      <c r="H179" s="50"/>
      <c r="I179" s="215"/>
      <c r="J179" s="50"/>
      <c r="K179" s="50"/>
      <c r="L179" s="50"/>
      <c r="M179" s="228"/>
    </row>
    <row r="184" spans="1:13" s="50" customFormat="1" ht="11.25" customHeight="1" x14ac:dyDescent="0.2">
      <c r="M184" s="63"/>
    </row>
    <row r="185" spans="1:13" s="50" customFormat="1" ht="11.25" customHeight="1" x14ac:dyDescent="0.2">
      <c r="M185" s="63"/>
    </row>
    <row r="186" spans="1:13" s="50" customFormat="1" ht="11.25" customHeight="1" x14ac:dyDescent="0.2">
      <c r="M186" s="63"/>
    </row>
    <row r="187" spans="1:13" s="50" customFormat="1" ht="11.25" customHeight="1" x14ac:dyDescent="0.2">
      <c r="M187" s="63"/>
    </row>
    <row r="188" spans="1:13" s="50" customFormat="1" ht="11.25" customHeight="1" x14ac:dyDescent="0.2">
      <c r="M188" s="63"/>
    </row>
    <row r="189" spans="1:13" s="50" customFormat="1" ht="11.25" customHeight="1" x14ac:dyDescent="0.2">
      <c r="M189" s="63"/>
    </row>
    <row r="190" spans="1:13" s="50" customFormat="1" ht="11.25" customHeight="1" x14ac:dyDescent="0.2">
      <c r="M190" s="63"/>
    </row>
  </sheetData>
  <customSheetViews>
    <customSheetView guid="{6DBFA32C-4AA4-4E1D-9A48-697377C64CC3}" showPageBreaks="1" showGridLines="0" fitToPage="1" printArea="1" topLeftCell="A19">
      <selection activeCell="C51" sqref="C51"/>
      <pageMargins left="0.39370078740157483" right="0.39370078740157483" top="0.98425196850393704" bottom="0.98425196850393704" header="0" footer="0"/>
      <printOptions horizontalCentered="1"/>
      <pageSetup paperSize="9" scale="39" fitToHeight="2" orientation="portrait" r:id="rId1"/>
      <headerFooter alignWithMargins="0"/>
    </customSheetView>
    <customSheetView guid="{25EF1E0D-169B-4051-B414-7E1196FC05E4}" showPageBreaks="1" showGridLines="0" fitToPage="1" printArea="1" topLeftCell="A16">
      <selection activeCell="A45" sqref="A45:XFD45"/>
      <pageMargins left="0.19685039370078741" right="0.19685039370078741" top="0.19685039370078741" bottom="0.19685039370078741" header="0" footer="0"/>
      <printOptions horizontalCentered="1"/>
      <pageSetup scale="41" fitToHeight="2" orientation="portrait" r:id="rId2"/>
      <headerFooter alignWithMargins="0"/>
    </customSheetView>
    <customSheetView guid="{82EDB5A4-4824-4632-A540-7A52C92F04C7}" showPageBreaks="1" showGridLines="0" fitToPage="1" printArea="1" topLeftCell="A13">
      <selection activeCell="A50" sqref="A50:XFD50"/>
      <pageMargins left="0.39370078740157483" right="0.39370078740157483" top="0.98425196850393704" bottom="0.98425196850393704" header="0" footer="0"/>
      <printOptions horizontalCentered="1"/>
      <pageSetup paperSize="9" scale="39" fitToHeight="2" orientation="portrait" r:id="rId3"/>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4"/>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5"/>
      <headerFooter alignWithMargins="0"/>
    </customSheetView>
    <customSheetView guid="{3AAF6A5F-F9AA-430B-9AD9-1261ECDF41B5}" showPageBreaks="1" showGridLines="0" fitToPage="1" printArea="1" topLeftCell="B1">
      <pane xSplit="1" ySplit="14" topLeftCell="C184" activePane="bottomRight" state="frozen"/>
      <selection pane="bottomRight" activeCell="C198" sqref="C198"/>
      <pageMargins left="0.19685039370078741" right="0.19685039370078741" top="0.19685039370078741" bottom="0.19685039370078741" header="0" footer="0"/>
      <printOptions horizontalCentered="1"/>
      <pageSetup paperSize="9" scale="41" orientation="portrait" r:id="rId6"/>
      <headerFooter alignWithMargins="0"/>
    </customSheetView>
    <customSheetView guid="{C779D862-DE28-46CD-A428-4AAA1056D1E1}" showGridLines="0" fitToPage="1" topLeftCell="B154">
      <selection activeCell="B29" sqref="B29:E29"/>
      <pageMargins left="0.19685039370078741" right="0.19685039370078741" top="0.19685039370078741" bottom="0.19685039370078741" header="0" footer="0"/>
      <printOptions horizontalCentered="1"/>
      <pageSetup paperSize="9" scale="40" orientation="portrait" r:id="rId7"/>
      <headerFooter alignWithMargins="0"/>
    </customSheetView>
  </customSheetViews>
  <mergeCells count="13">
    <mergeCell ref="M19:M21"/>
    <mergeCell ref="A3:L3"/>
    <mergeCell ref="A4:L4"/>
    <mergeCell ref="A5:L5"/>
    <mergeCell ref="A6:L6"/>
    <mergeCell ref="A7:L7"/>
    <mergeCell ref="H10:J10"/>
    <mergeCell ref="L10:L12"/>
    <mergeCell ref="D10:F10"/>
    <mergeCell ref="G10:G11"/>
    <mergeCell ref="K10:K11"/>
    <mergeCell ref="D11:D12"/>
    <mergeCell ref="H11:H12"/>
  </mergeCells>
  <phoneticPr fontId="1" type="noConversion"/>
  <printOptions horizontalCentered="1"/>
  <pageMargins left="0.19685039370078741" right="0.19685039370078741" top="0.19685039370078741" bottom="0.19685039370078741" header="0" footer="0"/>
  <pageSetup paperSize="9" scale="40" orientation="portrait" r:id="rId8"/>
  <headerFooter alignWithMargins="0"/>
  <drawing r:id="rId9"/>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M166"/>
  <sheetViews>
    <sheetView showGridLines="0" zoomScaleNormal="100" workbookViewId="0"/>
  </sheetViews>
  <sheetFormatPr defaultColWidth="9.140625" defaultRowHeight="11.25" customHeight="1" x14ac:dyDescent="0.2"/>
  <cols>
    <col min="1" max="1" width="42.7109375" style="50" customWidth="1"/>
    <col min="2" max="2" width="17.5703125" style="50" bestFit="1" customWidth="1"/>
    <col min="3" max="3" width="19.140625" style="50" bestFit="1" customWidth="1"/>
    <col min="4" max="4" width="17.42578125" style="50" customWidth="1"/>
    <col min="5" max="5" width="20.28515625" style="50" customWidth="1"/>
    <col min="6" max="6" width="11" style="50" customWidth="1"/>
    <col min="7" max="7" width="17.42578125" style="50" bestFit="1" customWidth="1"/>
    <col min="8" max="8" width="17" style="50" customWidth="1"/>
    <col min="9" max="9" width="20.140625" style="50" customWidth="1"/>
    <col min="10" max="10" width="11" style="50" customWidth="1"/>
    <col min="11" max="11" width="17.7109375" style="50" customWidth="1"/>
    <col min="12" max="12" width="17.140625" style="50" customWidth="1"/>
    <col min="13" max="13" width="9.140625" style="228"/>
    <col min="14" max="16384" width="9.140625" style="200"/>
  </cols>
  <sheetData>
    <row r="1" spans="1:13" s="27" customFormat="1" ht="10.5" x14ac:dyDescent="0.2">
      <c r="A1" s="318"/>
      <c r="B1" s="318"/>
      <c r="C1" s="318"/>
      <c r="D1" s="318"/>
      <c r="E1" s="318"/>
      <c r="F1" s="318"/>
      <c r="G1" s="318"/>
      <c r="H1" s="318"/>
      <c r="I1" s="318"/>
      <c r="J1" s="318"/>
      <c r="M1" s="122"/>
    </row>
    <row r="2" spans="1:13" s="27" customFormat="1" ht="10.5" x14ac:dyDescent="0.2">
      <c r="A2" s="202"/>
      <c r="M2" s="122"/>
    </row>
    <row r="3" spans="1:13" s="50" customFormat="1" ht="10.5" x14ac:dyDescent="0.2">
      <c r="A3" s="864" t="s">
        <v>641</v>
      </c>
      <c r="B3" s="864"/>
      <c r="C3" s="864"/>
      <c r="D3" s="864"/>
      <c r="E3" s="864"/>
      <c r="F3" s="864"/>
      <c r="G3" s="864"/>
      <c r="H3" s="864"/>
      <c r="I3" s="864"/>
      <c r="J3" s="864"/>
      <c r="K3" s="864"/>
      <c r="L3" s="864"/>
      <c r="M3" s="63"/>
    </row>
    <row r="4" spans="1:13" s="50" customFormat="1" ht="10.5" x14ac:dyDescent="0.2">
      <c r="A4" s="864" t="s">
        <v>105</v>
      </c>
      <c r="B4" s="864"/>
      <c r="C4" s="864"/>
      <c r="D4" s="864"/>
      <c r="E4" s="864"/>
      <c r="F4" s="864"/>
      <c r="G4" s="864"/>
      <c r="H4" s="864"/>
      <c r="I4" s="864"/>
      <c r="J4" s="864"/>
      <c r="K4" s="864"/>
      <c r="L4" s="864"/>
      <c r="M4" s="63"/>
    </row>
    <row r="5" spans="1:13" s="50" customFormat="1" ht="10.5" x14ac:dyDescent="0.2">
      <c r="A5" s="864" t="s">
        <v>168</v>
      </c>
      <c r="B5" s="864"/>
      <c r="C5" s="864"/>
      <c r="D5" s="864"/>
      <c r="E5" s="864"/>
      <c r="F5" s="864"/>
      <c r="G5" s="864"/>
      <c r="H5" s="864"/>
      <c r="I5" s="864"/>
      <c r="J5" s="864"/>
      <c r="K5" s="864"/>
      <c r="L5" s="864"/>
      <c r="M5" s="63"/>
    </row>
    <row r="6" spans="1:13" s="50" customFormat="1" ht="10.5" x14ac:dyDescent="0.2">
      <c r="A6" s="864" t="s">
        <v>107</v>
      </c>
      <c r="B6" s="864"/>
      <c r="C6" s="864"/>
      <c r="D6" s="864"/>
      <c r="E6" s="864"/>
      <c r="F6" s="864"/>
      <c r="G6" s="864"/>
      <c r="H6" s="864"/>
      <c r="I6" s="864"/>
      <c r="J6" s="864"/>
      <c r="K6" s="864"/>
      <c r="L6" s="864"/>
      <c r="M6" s="63"/>
    </row>
    <row r="7" spans="1:13" s="50" customFormat="1" ht="10.5" x14ac:dyDescent="0.2">
      <c r="A7" s="864" t="s">
        <v>881</v>
      </c>
      <c r="B7" s="864"/>
      <c r="C7" s="864"/>
      <c r="D7" s="864"/>
      <c r="E7" s="864"/>
      <c r="F7" s="864"/>
      <c r="G7" s="864"/>
      <c r="H7" s="864"/>
      <c r="I7" s="864"/>
      <c r="J7" s="864"/>
      <c r="K7" s="864"/>
      <c r="L7" s="864"/>
      <c r="M7" s="63"/>
    </row>
    <row r="8" spans="1:13" s="27" customFormat="1" ht="10.5" x14ac:dyDescent="0.2">
      <c r="A8" s="51"/>
      <c r="B8" s="51"/>
      <c r="C8" s="51"/>
      <c r="D8" s="51"/>
      <c r="E8" s="51"/>
      <c r="F8" s="51"/>
      <c r="G8" s="51"/>
      <c r="H8" s="51"/>
      <c r="I8" s="51"/>
      <c r="J8" s="51"/>
      <c r="K8" s="51"/>
      <c r="L8" s="51"/>
      <c r="M8" s="122"/>
    </row>
    <row r="9" spans="1:13" s="27" customFormat="1" ht="10.5" x14ac:dyDescent="0.2">
      <c r="A9" s="27" t="s">
        <v>737</v>
      </c>
      <c r="B9" s="122"/>
      <c r="L9" s="238">
        <v>1</v>
      </c>
      <c r="M9" s="122"/>
    </row>
    <row r="10" spans="1:13" ht="20.100000000000001" customHeight="1" x14ac:dyDescent="0.2">
      <c r="A10" s="924" t="s">
        <v>736</v>
      </c>
      <c r="B10" s="196" t="s">
        <v>157</v>
      </c>
      <c r="C10" s="196" t="s">
        <v>157</v>
      </c>
      <c r="D10" s="873" t="s">
        <v>158</v>
      </c>
      <c r="E10" s="874"/>
      <c r="F10" s="875"/>
      <c r="G10" s="897" t="s">
        <v>161</v>
      </c>
      <c r="H10" s="922" t="s">
        <v>159</v>
      </c>
      <c r="I10" s="923"/>
      <c r="J10" s="924"/>
      <c r="K10" s="897" t="s">
        <v>161</v>
      </c>
      <c r="L10" s="839" t="s">
        <v>735</v>
      </c>
    </row>
    <row r="11" spans="1:13" ht="20.100000000000001" customHeight="1" x14ac:dyDescent="0.2">
      <c r="A11" s="927"/>
      <c r="B11" s="198" t="s">
        <v>111</v>
      </c>
      <c r="C11" s="198" t="s">
        <v>112</v>
      </c>
      <c r="D11" s="925" t="s">
        <v>113</v>
      </c>
      <c r="E11" s="196" t="s">
        <v>115</v>
      </c>
      <c r="F11" s="196" t="s">
        <v>114</v>
      </c>
      <c r="G11" s="898"/>
      <c r="H11" s="925" t="s">
        <v>113</v>
      </c>
      <c r="I11" s="196" t="s">
        <v>115</v>
      </c>
      <c r="J11" s="196" t="s">
        <v>114</v>
      </c>
      <c r="K11" s="898"/>
      <c r="L11" s="841"/>
    </row>
    <row r="12" spans="1:13" s="519" customFormat="1" ht="20.100000000000001" customHeight="1" x14ac:dyDescent="0.2">
      <c r="A12" s="928"/>
      <c r="B12" s="516"/>
      <c r="C12" s="517" t="s">
        <v>116</v>
      </c>
      <c r="D12" s="926"/>
      <c r="E12" s="517" t="s">
        <v>117</v>
      </c>
      <c r="F12" s="517" t="s">
        <v>59</v>
      </c>
      <c r="G12" s="518" t="s">
        <v>280</v>
      </c>
      <c r="H12" s="926"/>
      <c r="I12" s="517" t="s">
        <v>162</v>
      </c>
      <c r="J12" s="517" t="s">
        <v>545</v>
      </c>
      <c r="K12" s="518" t="s">
        <v>544</v>
      </c>
      <c r="L12" s="843"/>
      <c r="M12" s="755"/>
    </row>
    <row r="13" spans="1:13" s="21" customFormat="1" ht="10.5" x14ac:dyDescent="0.2">
      <c r="A13" s="152"/>
      <c r="B13" s="749"/>
      <c r="C13" s="748"/>
      <c r="D13" s="748"/>
      <c r="E13" s="748"/>
      <c r="F13" s="748"/>
      <c r="G13" s="698"/>
      <c r="H13" s="698"/>
      <c r="I13" s="698"/>
      <c r="J13" s="798"/>
      <c r="K13" s="798"/>
      <c r="L13" s="801"/>
      <c r="M13" s="796"/>
    </row>
    <row r="14" spans="1:13" s="197" customFormat="1" ht="10.5" x14ac:dyDescent="0.2">
      <c r="A14" s="152" t="s">
        <v>642</v>
      </c>
      <c r="B14" s="565">
        <v>37550000</v>
      </c>
      <c r="C14" s="565">
        <v>41645000</v>
      </c>
      <c r="D14" s="565">
        <v>5994506.4799999995</v>
      </c>
      <c r="E14" s="565">
        <v>38789269.320000008</v>
      </c>
      <c r="F14" s="802">
        <v>1.8068228841326675</v>
      </c>
      <c r="G14" s="565">
        <v>2855730.6799999923</v>
      </c>
      <c r="H14" s="565">
        <v>8717060.75</v>
      </c>
      <c r="I14" s="565">
        <v>38789269.320000008</v>
      </c>
      <c r="J14" s="802">
        <v>1.9172501564334059</v>
      </c>
      <c r="K14" s="803">
        <v>2855730.679999996</v>
      </c>
      <c r="L14" s="368">
        <v>0</v>
      </c>
      <c r="M14" s="797"/>
    </row>
    <row r="15" spans="1:13" ht="10.5" x14ac:dyDescent="0.2">
      <c r="A15" s="201" t="s">
        <v>643</v>
      </c>
      <c r="B15" s="578">
        <v>21000000</v>
      </c>
      <c r="C15" s="578">
        <v>22700000</v>
      </c>
      <c r="D15" s="578">
        <v>4314051.1099999994</v>
      </c>
      <c r="E15" s="578">
        <v>19868813.950000003</v>
      </c>
      <c r="F15" s="804">
        <v>0.92549894222741635</v>
      </c>
      <c r="G15" s="567">
        <v>2831186.049999997</v>
      </c>
      <c r="H15" s="578">
        <v>4314051.1099999994</v>
      </c>
      <c r="I15" s="578">
        <v>19868813.950000003</v>
      </c>
      <c r="J15" s="804">
        <v>0.98206249618995756</v>
      </c>
      <c r="K15" s="749">
        <v>2831186.049999997</v>
      </c>
      <c r="L15" s="798">
        <v>0</v>
      </c>
    </row>
    <row r="16" spans="1:13" ht="10.5" x14ac:dyDescent="0.2">
      <c r="A16" s="201" t="s">
        <v>644</v>
      </c>
      <c r="B16" s="578">
        <v>16550000</v>
      </c>
      <c r="C16" s="578">
        <v>18945000</v>
      </c>
      <c r="D16" s="578">
        <v>1680455.3699999999</v>
      </c>
      <c r="E16" s="578">
        <v>18920455.370000005</v>
      </c>
      <c r="F16" s="804">
        <v>0.88132394190525098</v>
      </c>
      <c r="G16" s="567">
        <v>24544.629999995232</v>
      </c>
      <c r="H16" s="578">
        <v>4403009.6399999997</v>
      </c>
      <c r="I16" s="578">
        <v>18920455.370000001</v>
      </c>
      <c r="J16" s="804">
        <v>0.93518766024344824</v>
      </c>
      <c r="K16" s="749">
        <v>24544.629999998957</v>
      </c>
      <c r="L16" s="798">
        <v>0</v>
      </c>
    </row>
    <row r="17" spans="1:13" ht="10.5" x14ac:dyDescent="0.2">
      <c r="A17" s="201"/>
      <c r="B17" s="578"/>
      <c r="C17" s="578"/>
      <c r="D17" s="578"/>
      <c r="E17" s="578"/>
      <c r="F17" s="749"/>
      <c r="G17" s="567"/>
      <c r="H17" s="578"/>
      <c r="I17" s="578"/>
      <c r="J17" s="749"/>
      <c r="K17" s="617"/>
      <c r="L17" s="798"/>
    </row>
    <row r="18" spans="1:13" s="73" customFormat="1" ht="10.5" x14ac:dyDescent="0.2">
      <c r="A18" s="152" t="s">
        <v>645</v>
      </c>
      <c r="B18" s="565">
        <v>85050000</v>
      </c>
      <c r="C18" s="565">
        <v>103009480.38</v>
      </c>
      <c r="D18" s="565">
        <v>7108463.2300000014</v>
      </c>
      <c r="E18" s="565">
        <v>100718463.22999999</v>
      </c>
      <c r="F18" s="802">
        <v>4.6915146227002591</v>
      </c>
      <c r="G18" s="565">
        <v>2291017.150000006</v>
      </c>
      <c r="H18" s="565">
        <v>21118210.469999999</v>
      </c>
      <c r="I18" s="565">
        <v>100718463.22999999</v>
      </c>
      <c r="J18" s="802">
        <v>4.9782450860419996</v>
      </c>
      <c r="K18" s="803">
        <v>2291017.150000006</v>
      </c>
      <c r="L18" s="368">
        <v>0</v>
      </c>
      <c r="M18" s="166"/>
    </row>
    <row r="19" spans="1:13" ht="10.5" x14ac:dyDescent="0.2">
      <c r="A19" s="201" t="s">
        <v>646</v>
      </c>
      <c r="B19" s="567">
        <v>85050000</v>
      </c>
      <c r="C19" s="567">
        <v>103009480.38</v>
      </c>
      <c r="D19" s="567">
        <v>7108463.2300000014</v>
      </c>
      <c r="E19" s="567">
        <v>100718463.22999999</v>
      </c>
      <c r="F19" s="804">
        <v>4.6915146227002591</v>
      </c>
      <c r="G19" s="567">
        <v>2291017.150000006</v>
      </c>
      <c r="H19" s="567">
        <v>21118210.469999999</v>
      </c>
      <c r="I19" s="567">
        <v>100718463.22999999</v>
      </c>
      <c r="J19" s="804">
        <v>4.9782450860419996</v>
      </c>
      <c r="K19" s="749">
        <v>2291017.150000006</v>
      </c>
      <c r="L19" s="798">
        <v>0</v>
      </c>
    </row>
    <row r="20" spans="1:13" ht="10.5" x14ac:dyDescent="0.2">
      <c r="A20" s="201"/>
      <c r="B20" s="567"/>
      <c r="C20" s="567"/>
      <c r="D20" s="567"/>
      <c r="E20" s="567"/>
      <c r="F20" s="749"/>
      <c r="G20" s="567"/>
      <c r="H20" s="567"/>
      <c r="I20" s="567"/>
      <c r="J20" s="749"/>
      <c r="K20" s="617"/>
      <c r="L20" s="798"/>
    </row>
    <row r="21" spans="1:13" s="73" customFormat="1" ht="10.5" x14ac:dyDescent="0.2">
      <c r="A21" s="172" t="s">
        <v>761</v>
      </c>
      <c r="B21" s="565">
        <v>79105300</v>
      </c>
      <c r="C21" s="565">
        <v>102525004.18000001</v>
      </c>
      <c r="D21" s="565">
        <v>8115741.1999999993</v>
      </c>
      <c r="E21" s="565">
        <v>100184701.34</v>
      </c>
      <c r="F21" s="802">
        <v>4.6666517362773741</v>
      </c>
      <c r="G21" s="565">
        <v>2340302.8399999961</v>
      </c>
      <c r="H21" s="565">
        <v>13802078.699999999</v>
      </c>
      <c r="I21" s="565">
        <v>98774925.399999991</v>
      </c>
      <c r="J21" s="802">
        <v>4.8821811932715198</v>
      </c>
      <c r="K21" s="803">
        <v>3750078.7799999975</v>
      </c>
      <c r="L21" s="368">
        <v>1409775.9400000013</v>
      </c>
      <c r="M21" s="166"/>
    </row>
    <row r="22" spans="1:13" ht="10.5" x14ac:dyDescent="0.2">
      <c r="A22" s="201" t="s">
        <v>647</v>
      </c>
      <c r="B22" s="567">
        <v>32882400</v>
      </c>
      <c r="C22" s="567">
        <v>33992400</v>
      </c>
      <c r="D22" s="567">
        <v>7878064.3600000003</v>
      </c>
      <c r="E22" s="567">
        <v>33966239.859999999</v>
      </c>
      <c r="F22" s="804">
        <v>1.5821638443533115</v>
      </c>
      <c r="G22" s="567">
        <v>26160.140000000596</v>
      </c>
      <c r="H22" s="567">
        <v>7878114.3600000003</v>
      </c>
      <c r="I22" s="567">
        <v>33966239.859999999</v>
      </c>
      <c r="J22" s="804">
        <v>1.6788606701457602</v>
      </c>
      <c r="K22" s="749">
        <v>26160.140000000596</v>
      </c>
      <c r="L22" s="798">
        <v>0</v>
      </c>
    </row>
    <row r="23" spans="1:13" ht="10.5" x14ac:dyDescent="0.2">
      <c r="A23" s="201" t="s">
        <v>648</v>
      </c>
      <c r="B23" s="567">
        <v>24242900</v>
      </c>
      <c r="C23" s="567">
        <v>32188738</v>
      </c>
      <c r="D23" s="567">
        <v>1415000</v>
      </c>
      <c r="E23" s="567">
        <v>29894595.300000004</v>
      </c>
      <c r="F23" s="804">
        <v>1.3925046758247335</v>
      </c>
      <c r="G23" s="567">
        <v>2294142.6999999955</v>
      </c>
      <c r="H23" s="567">
        <v>1575441.3499999999</v>
      </c>
      <c r="I23" s="567">
        <v>28484819.360000003</v>
      </c>
      <c r="J23" s="804">
        <v>1.4079286702567178</v>
      </c>
      <c r="K23" s="749">
        <v>3703918.6399999969</v>
      </c>
      <c r="L23" s="798">
        <v>1409775.9400000013</v>
      </c>
    </row>
    <row r="24" spans="1:13" ht="10.5" x14ac:dyDescent="0.2">
      <c r="A24" s="201" t="s">
        <v>655</v>
      </c>
      <c r="B24" s="567">
        <v>20000</v>
      </c>
      <c r="C24" s="567">
        <v>20000</v>
      </c>
      <c r="D24" s="567">
        <v>0</v>
      </c>
      <c r="E24" s="567">
        <v>0</v>
      </c>
      <c r="F24" s="804">
        <v>0</v>
      </c>
      <c r="G24" s="567">
        <v>20000</v>
      </c>
      <c r="H24" s="567">
        <v>0</v>
      </c>
      <c r="I24" s="567">
        <v>0</v>
      </c>
      <c r="J24" s="804">
        <v>0</v>
      </c>
      <c r="K24" s="749">
        <v>20000</v>
      </c>
      <c r="L24" s="798">
        <v>0</v>
      </c>
    </row>
    <row r="25" spans="1:13" ht="10.5" x14ac:dyDescent="0.2">
      <c r="A25" s="201" t="s">
        <v>687</v>
      </c>
      <c r="B25" s="567">
        <v>21960000</v>
      </c>
      <c r="C25" s="567">
        <v>36323866.18</v>
      </c>
      <c r="D25" s="567">
        <v>-1177323.1600000004</v>
      </c>
      <c r="E25" s="567">
        <v>36323866.179999992</v>
      </c>
      <c r="F25" s="804">
        <v>1.6919832160993291</v>
      </c>
      <c r="G25" s="567">
        <v>0</v>
      </c>
      <c r="H25" s="567">
        <v>4348522.9899999993</v>
      </c>
      <c r="I25" s="567">
        <v>36323866.179999992</v>
      </c>
      <c r="J25" s="804">
        <v>1.7953918528690418</v>
      </c>
      <c r="K25" s="749">
        <v>0</v>
      </c>
      <c r="L25" s="798">
        <v>0</v>
      </c>
    </row>
    <row r="26" spans="1:13" ht="10.5" x14ac:dyDescent="0.2">
      <c r="A26" s="201"/>
      <c r="B26" s="567"/>
      <c r="C26" s="567"/>
      <c r="D26" s="567"/>
      <c r="E26" s="567"/>
      <c r="F26" s="749"/>
      <c r="G26" s="567"/>
      <c r="H26" s="567"/>
      <c r="I26" s="567"/>
      <c r="J26" s="749"/>
      <c r="K26" s="617"/>
      <c r="L26" s="798"/>
    </row>
    <row r="27" spans="1:13" s="73" customFormat="1" ht="10.5" x14ac:dyDescent="0.2">
      <c r="A27" s="152" t="s">
        <v>649</v>
      </c>
      <c r="B27" s="565">
        <v>100140000</v>
      </c>
      <c r="C27" s="565">
        <v>344239399.67000002</v>
      </c>
      <c r="D27" s="565">
        <v>41692378.140000001</v>
      </c>
      <c r="E27" s="565">
        <v>334502744.33999997</v>
      </c>
      <c r="F27" s="802">
        <v>15.58129925811892</v>
      </c>
      <c r="G27" s="565">
        <v>9736655.330000028</v>
      </c>
      <c r="H27" s="565">
        <v>33167648.149999999</v>
      </c>
      <c r="I27" s="565">
        <v>322320270.38999999</v>
      </c>
      <c r="J27" s="802">
        <v>15.931431544348696</v>
      </c>
      <c r="K27" s="803">
        <v>21919129.280000046</v>
      </c>
      <c r="L27" s="368">
        <v>12182473.950000018</v>
      </c>
      <c r="M27" s="166"/>
    </row>
    <row r="28" spans="1:13" ht="10.5" x14ac:dyDescent="0.2">
      <c r="A28" s="201" t="s">
        <v>651</v>
      </c>
      <c r="B28" s="567">
        <v>8140000</v>
      </c>
      <c r="C28" s="567">
        <v>51979076.670000002</v>
      </c>
      <c r="D28" s="567">
        <v>3961268.4600000004</v>
      </c>
      <c r="E28" s="567">
        <v>47845311.660000026</v>
      </c>
      <c r="F28" s="804">
        <v>2.2286577066604969</v>
      </c>
      <c r="G28" s="567">
        <v>4133765.0099999756</v>
      </c>
      <c r="H28" s="567">
        <v>4718693.7799999993</v>
      </c>
      <c r="I28" s="567">
        <v>47248134.479999989</v>
      </c>
      <c r="J28" s="804">
        <v>2.3353493069347295</v>
      </c>
      <c r="K28" s="749">
        <v>4730942.1900000125</v>
      </c>
      <c r="L28" s="798">
        <v>597177.18000003695</v>
      </c>
    </row>
    <row r="29" spans="1:13" ht="10.5" x14ac:dyDescent="0.2">
      <c r="A29" s="201" t="s">
        <v>652</v>
      </c>
      <c r="B29" s="567">
        <v>92000000</v>
      </c>
      <c r="C29" s="567">
        <v>292176323</v>
      </c>
      <c r="D29" s="567">
        <v>37731109.68</v>
      </c>
      <c r="E29" s="567">
        <v>286657432.67999995</v>
      </c>
      <c r="F29" s="804">
        <v>13.352641551458422</v>
      </c>
      <c r="G29" s="567">
        <v>5518890.3200000525</v>
      </c>
      <c r="H29" s="567">
        <v>28448954.370000001</v>
      </c>
      <c r="I29" s="567">
        <v>275072135.90999997</v>
      </c>
      <c r="J29" s="804">
        <v>13.596082237413965</v>
      </c>
      <c r="K29" s="749">
        <v>17104187.090000033</v>
      </c>
      <c r="L29" s="798">
        <v>11585296.769999981</v>
      </c>
    </row>
    <row r="30" spans="1:13" ht="10.5" x14ac:dyDescent="0.2">
      <c r="A30" s="201" t="s">
        <v>653</v>
      </c>
      <c r="B30" s="567">
        <v>0</v>
      </c>
      <c r="C30" s="567">
        <v>84000</v>
      </c>
      <c r="D30" s="567">
        <v>0</v>
      </c>
      <c r="E30" s="567">
        <v>0</v>
      </c>
      <c r="F30" s="804">
        <v>0</v>
      </c>
      <c r="G30" s="567">
        <v>84000</v>
      </c>
      <c r="H30" s="567">
        <v>0</v>
      </c>
      <c r="I30" s="567">
        <v>0</v>
      </c>
      <c r="J30" s="804">
        <v>0</v>
      </c>
      <c r="K30" s="749">
        <v>84000</v>
      </c>
      <c r="L30" s="798">
        <v>0</v>
      </c>
    </row>
    <row r="31" spans="1:13" ht="10.5" x14ac:dyDescent="0.2">
      <c r="A31" s="201" t="s">
        <v>654</v>
      </c>
      <c r="B31" s="567">
        <v>0</v>
      </c>
      <c r="C31" s="567">
        <v>0</v>
      </c>
      <c r="D31" s="567">
        <v>0</v>
      </c>
      <c r="E31" s="567">
        <v>0</v>
      </c>
      <c r="F31" s="804">
        <v>0</v>
      </c>
      <c r="G31" s="567">
        <v>0</v>
      </c>
      <c r="H31" s="567">
        <v>0</v>
      </c>
      <c r="I31" s="567">
        <v>0</v>
      </c>
      <c r="J31" s="804">
        <v>0</v>
      </c>
      <c r="K31" s="749">
        <v>0</v>
      </c>
      <c r="L31" s="798">
        <v>0</v>
      </c>
    </row>
    <row r="32" spans="1:13" ht="10.5" x14ac:dyDescent="0.2">
      <c r="A32" s="201"/>
      <c r="B32" s="567"/>
      <c r="C32" s="567"/>
      <c r="D32" s="567"/>
      <c r="E32" s="567"/>
      <c r="F32" s="749"/>
      <c r="G32" s="567"/>
      <c r="H32" s="567"/>
      <c r="I32" s="567"/>
      <c r="J32" s="749"/>
      <c r="K32" s="617"/>
      <c r="L32" s="798"/>
    </row>
    <row r="33" spans="1:13" s="73" customFormat="1" ht="10.5" x14ac:dyDescent="0.2">
      <c r="A33" s="152" t="s">
        <v>658</v>
      </c>
      <c r="B33" s="565">
        <v>270960000</v>
      </c>
      <c r="C33" s="565">
        <v>524872633.84999996</v>
      </c>
      <c r="D33" s="565">
        <v>92275285.470000014</v>
      </c>
      <c r="E33" s="565">
        <v>512894843.27999997</v>
      </c>
      <c r="F33" s="802">
        <v>23.890889316497745</v>
      </c>
      <c r="G33" s="565">
        <v>11977790.569999993</v>
      </c>
      <c r="H33" s="565">
        <v>114072665.73000002</v>
      </c>
      <c r="I33" s="565">
        <v>460917940.56000024</v>
      </c>
      <c r="J33" s="802">
        <v>22.781944829932247</v>
      </c>
      <c r="K33" s="803">
        <v>63954693.289999723</v>
      </c>
      <c r="L33" s="368">
        <v>51976902.719999731</v>
      </c>
      <c r="M33" s="166"/>
    </row>
    <row r="34" spans="1:13" ht="10.5" x14ac:dyDescent="0.2">
      <c r="A34" s="201" t="s">
        <v>659</v>
      </c>
      <c r="B34" s="567">
        <v>270960000</v>
      </c>
      <c r="C34" s="567">
        <v>524872633.84999996</v>
      </c>
      <c r="D34" s="567">
        <v>92275285.470000014</v>
      </c>
      <c r="E34" s="567">
        <v>512894843.27999997</v>
      </c>
      <c r="F34" s="804">
        <v>23.890889316497745</v>
      </c>
      <c r="G34" s="567">
        <v>11977790.569999993</v>
      </c>
      <c r="H34" s="567">
        <v>114072665.73000002</v>
      </c>
      <c r="I34" s="567">
        <v>460917940.56000024</v>
      </c>
      <c r="J34" s="804">
        <v>22.781944829932247</v>
      </c>
      <c r="K34" s="749">
        <v>63954693.289999723</v>
      </c>
      <c r="L34" s="798">
        <v>51976902.719999731</v>
      </c>
    </row>
    <row r="35" spans="1:13" ht="10.5" x14ac:dyDescent="0.2">
      <c r="A35" s="201"/>
      <c r="B35" s="567"/>
      <c r="C35" s="567"/>
      <c r="D35" s="567"/>
      <c r="E35" s="567"/>
      <c r="F35" s="749"/>
      <c r="G35" s="567"/>
      <c r="H35" s="567"/>
      <c r="I35" s="567"/>
      <c r="J35" s="749"/>
      <c r="K35" s="617"/>
      <c r="L35" s="798"/>
    </row>
    <row r="36" spans="1:13" s="73" customFormat="1" ht="10.5" x14ac:dyDescent="0.2">
      <c r="A36" s="152" t="s">
        <v>661</v>
      </c>
      <c r="B36" s="565">
        <v>620000</v>
      </c>
      <c r="C36" s="565">
        <v>9094655</v>
      </c>
      <c r="D36" s="565">
        <v>-147705.40999999997</v>
      </c>
      <c r="E36" s="565">
        <v>8867121.3699999992</v>
      </c>
      <c r="F36" s="802">
        <v>0.41303479257437598</v>
      </c>
      <c r="G36" s="565">
        <v>227533.63000000082</v>
      </c>
      <c r="H36" s="565">
        <v>884756.89</v>
      </c>
      <c r="I36" s="565">
        <v>8687335.0300000012</v>
      </c>
      <c r="J36" s="802">
        <v>0.42939180699310237</v>
      </c>
      <c r="K36" s="803">
        <v>407319.96999999881</v>
      </c>
      <c r="L36" s="368">
        <v>179786.33999999799</v>
      </c>
      <c r="M36" s="166"/>
    </row>
    <row r="37" spans="1:13" ht="10.5" x14ac:dyDescent="0.2">
      <c r="A37" s="201" t="s">
        <v>662</v>
      </c>
      <c r="B37" s="567">
        <v>620000</v>
      </c>
      <c r="C37" s="567">
        <v>9094655</v>
      </c>
      <c r="D37" s="567">
        <v>-147705.40999999997</v>
      </c>
      <c r="E37" s="567">
        <v>8867121.3699999992</v>
      </c>
      <c r="F37" s="804">
        <v>0.41303479257437598</v>
      </c>
      <c r="G37" s="567">
        <v>227533.63000000082</v>
      </c>
      <c r="H37" s="567">
        <v>884756.89</v>
      </c>
      <c r="I37" s="567">
        <v>8687335.0300000012</v>
      </c>
      <c r="J37" s="804">
        <v>0.42939180699310237</v>
      </c>
      <c r="K37" s="749">
        <v>407319.96999999881</v>
      </c>
      <c r="L37" s="798">
        <v>179786.33999999799</v>
      </c>
    </row>
    <row r="38" spans="1:13" ht="10.5" x14ac:dyDescent="0.2">
      <c r="A38" s="201"/>
      <c r="B38" s="567"/>
      <c r="C38" s="567"/>
      <c r="D38" s="567"/>
      <c r="E38" s="567"/>
      <c r="F38" s="749"/>
      <c r="G38" s="567"/>
      <c r="H38" s="567"/>
      <c r="I38" s="567"/>
      <c r="J38" s="749"/>
      <c r="K38" s="617"/>
      <c r="L38" s="798"/>
    </row>
    <row r="39" spans="1:13" s="73" customFormat="1" ht="10.5" x14ac:dyDescent="0.2">
      <c r="A39" s="152" t="s">
        <v>663</v>
      </c>
      <c r="B39" s="565">
        <v>30000</v>
      </c>
      <c r="C39" s="565">
        <v>30000</v>
      </c>
      <c r="D39" s="565">
        <v>0</v>
      </c>
      <c r="E39" s="565">
        <v>0</v>
      </c>
      <c r="F39" s="802">
        <v>0</v>
      </c>
      <c r="G39" s="565">
        <v>30000</v>
      </c>
      <c r="H39" s="565">
        <v>0</v>
      </c>
      <c r="I39" s="565">
        <v>0</v>
      </c>
      <c r="J39" s="802">
        <v>0</v>
      </c>
      <c r="K39" s="803">
        <v>30000</v>
      </c>
      <c r="L39" s="368">
        <v>0</v>
      </c>
      <c r="M39" s="166"/>
    </row>
    <row r="40" spans="1:13" ht="10.5" x14ac:dyDescent="0.2">
      <c r="A40" s="201" t="s">
        <v>664</v>
      </c>
      <c r="B40" s="567">
        <v>30000</v>
      </c>
      <c r="C40" s="567">
        <v>30000</v>
      </c>
      <c r="D40" s="567">
        <v>0</v>
      </c>
      <c r="E40" s="567">
        <v>0</v>
      </c>
      <c r="F40" s="804">
        <v>0</v>
      </c>
      <c r="G40" s="567">
        <v>30000</v>
      </c>
      <c r="H40" s="567">
        <v>0</v>
      </c>
      <c r="I40" s="567">
        <v>0</v>
      </c>
      <c r="J40" s="804">
        <v>0</v>
      </c>
      <c r="K40" s="749">
        <v>30000</v>
      </c>
      <c r="L40" s="798">
        <v>0</v>
      </c>
    </row>
    <row r="41" spans="1:13" ht="10.5" x14ac:dyDescent="0.2">
      <c r="A41" s="201"/>
      <c r="B41" s="567"/>
      <c r="C41" s="567"/>
      <c r="D41" s="567"/>
      <c r="E41" s="567"/>
      <c r="F41" s="749"/>
      <c r="G41" s="567"/>
      <c r="H41" s="567"/>
      <c r="I41" s="567"/>
      <c r="J41" s="749"/>
      <c r="K41" s="617"/>
      <c r="L41" s="798"/>
    </row>
    <row r="42" spans="1:13" s="73" customFormat="1" ht="10.5" x14ac:dyDescent="0.2">
      <c r="A42" s="152" t="s">
        <v>665</v>
      </c>
      <c r="B42" s="565">
        <v>16642800</v>
      </c>
      <c r="C42" s="565">
        <v>150562235</v>
      </c>
      <c r="D42" s="565">
        <v>3633390.3400000003</v>
      </c>
      <c r="E42" s="565">
        <v>139859980.84000003</v>
      </c>
      <c r="F42" s="802">
        <v>6.5147454021716653</v>
      </c>
      <c r="G42" s="565">
        <v>10702254.159999982</v>
      </c>
      <c r="H42" s="565">
        <v>27703721.43</v>
      </c>
      <c r="I42" s="565">
        <v>135651987.12</v>
      </c>
      <c r="J42" s="802">
        <v>6.7049160266657566</v>
      </c>
      <c r="K42" s="803">
        <v>14910247.88000001</v>
      </c>
      <c r="L42" s="368">
        <v>4207993.7200000286</v>
      </c>
      <c r="M42" s="166"/>
    </row>
    <row r="43" spans="1:13" ht="10.5" x14ac:dyDescent="0.2">
      <c r="A43" s="201" t="s">
        <v>651</v>
      </c>
      <c r="B43" s="567">
        <v>16512800</v>
      </c>
      <c r="C43" s="567">
        <v>103840955</v>
      </c>
      <c r="D43" s="567">
        <v>278008.34000000026</v>
      </c>
      <c r="E43" s="567">
        <v>98114605.840000018</v>
      </c>
      <c r="F43" s="804">
        <v>4.5702256888856665</v>
      </c>
      <c r="G43" s="567">
        <v>5726349.1599999815</v>
      </c>
      <c r="H43" s="567">
        <v>6409575.1300000008</v>
      </c>
      <c r="I43" s="567">
        <v>94529101.269999981</v>
      </c>
      <c r="J43" s="804">
        <v>4.6723214274100862</v>
      </c>
      <c r="K43" s="749">
        <v>9311853.7300000191</v>
      </c>
      <c r="L43" s="798">
        <v>3585504.5700000376</v>
      </c>
    </row>
    <row r="44" spans="1:13" ht="10.5" x14ac:dyDescent="0.2">
      <c r="A44" s="201" t="s">
        <v>655</v>
      </c>
      <c r="B44" s="567">
        <v>0</v>
      </c>
      <c r="C44" s="567">
        <v>0</v>
      </c>
      <c r="D44" s="567">
        <v>0</v>
      </c>
      <c r="E44" s="567">
        <v>0</v>
      </c>
      <c r="F44" s="804">
        <v>0</v>
      </c>
      <c r="G44" s="567">
        <v>0</v>
      </c>
      <c r="H44" s="567">
        <v>0</v>
      </c>
      <c r="I44" s="567">
        <v>0</v>
      </c>
      <c r="J44" s="804">
        <v>0</v>
      </c>
      <c r="K44" s="749">
        <v>0</v>
      </c>
      <c r="L44" s="798">
        <v>0</v>
      </c>
    </row>
    <row r="45" spans="1:13" ht="10.5" x14ac:dyDescent="0.2">
      <c r="A45" s="201" t="s">
        <v>668</v>
      </c>
      <c r="B45" s="567">
        <v>0</v>
      </c>
      <c r="C45" s="567">
        <v>46591280</v>
      </c>
      <c r="D45" s="567">
        <v>3355382</v>
      </c>
      <c r="E45" s="567">
        <v>41745375</v>
      </c>
      <c r="F45" s="804">
        <v>1.9445197132859975</v>
      </c>
      <c r="G45" s="567">
        <v>4845905</v>
      </c>
      <c r="H45" s="567">
        <v>21294146.300000001</v>
      </c>
      <c r="I45" s="567">
        <v>41122885.850000009</v>
      </c>
      <c r="J45" s="804">
        <v>2.0325945992556682</v>
      </c>
      <c r="K45" s="749">
        <v>5468394.1499999911</v>
      </c>
      <c r="L45" s="798">
        <v>622489.14999999106</v>
      </c>
    </row>
    <row r="46" spans="1:13" ht="10.5" x14ac:dyDescent="0.2">
      <c r="A46" s="201" t="s">
        <v>762</v>
      </c>
      <c r="B46" s="567">
        <v>27000</v>
      </c>
      <c r="C46" s="567">
        <v>27000</v>
      </c>
      <c r="D46" s="567">
        <v>0</v>
      </c>
      <c r="E46" s="567">
        <v>0</v>
      </c>
      <c r="F46" s="804">
        <v>0</v>
      </c>
      <c r="G46" s="567">
        <v>27000</v>
      </c>
      <c r="H46" s="567">
        <v>0</v>
      </c>
      <c r="I46" s="567">
        <v>0</v>
      </c>
      <c r="J46" s="804">
        <v>0</v>
      </c>
      <c r="K46" s="749">
        <v>27000</v>
      </c>
      <c r="L46" s="798">
        <v>0</v>
      </c>
    </row>
    <row r="47" spans="1:13" ht="10.5" x14ac:dyDescent="0.2">
      <c r="A47" s="201" t="s">
        <v>670</v>
      </c>
      <c r="B47" s="567">
        <v>90000</v>
      </c>
      <c r="C47" s="567">
        <v>90000</v>
      </c>
      <c r="D47" s="567">
        <v>0</v>
      </c>
      <c r="E47" s="567">
        <v>0</v>
      </c>
      <c r="F47" s="804">
        <v>0</v>
      </c>
      <c r="G47" s="567">
        <v>90000</v>
      </c>
      <c r="H47" s="567">
        <v>0</v>
      </c>
      <c r="I47" s="567">
        <v>0</v>
      </c>
      <c r="J47" s="804">
        <v>0</v>
      </c>
      <c r="K47" s="749">
        <v>90000</v>
      </c>
      <c r="L47" s="798">
        <v>0</v>
      </c>
    </row>
    <row r="48" spans="1:13" s="289" customFormat="1" ht="10.5" x14ac:dyDescent="0.2">
      <c r="A48" s="201" t="s">
        <v>810</v>
      </c>
      <c r="B48" s="567">
        <v>13000</v>
      </c>
      <c r="C48" s="567">
        <v>13000</v>
      </c>
      <c r="D48" s="567">
        <v>0</v>
      </c>
      <c r="E48" s="567">
        <v>0</v>
      </c>
      <c r="F48" s="804">
        <v>0</v>
      </c>
      <c r="G48" s="567">
        <v>13000</v>
      </c>
      <c r="H48" s="567">
        <v>0</v>
      </c>
      <c r="I48" s="567">
        <v>0</v>
      </c>
      <c r="J48" s="805">
        <v>0</v>
      </c>
      <c r="K48" s="749">
        <v>13000</v>
      </c>
      <c r="L48" s="798">
        <v>0</v>
      </c>
      <c r="M48" s="228"/>
    </row>
    <row r="49" spans="1:13" ht="12.75" x14ac:dyDescent="0.2">
      <c r="A49" s="201"/>
      <c r="B49" s="567"/>
      <c r="C49" s="567"/>
      <c r="D49" s="567"/>
      <c r="E49" s="567"/>
      <c r="F49" s="436"/>
      <c r="G49" s="567"/>
      <c r="H49" s="567"/>
      <c r="I49" s="567"/>
      <c r="J49" s="436"/>
      <c r="K49" s="749"/>
      <c r="L49" s="798"/>
    </row>
    <row r="50" spans="1:13" s="73" customFormat="1" ht="10.5" x14ac:dyDescent="0.2">
      <c r="A50" s="152" t="s">
        <v>666</v>
      </c>
      <c r="B50" s="565">
        <v>920000</v>
      </c>
      <c r="C50" s="565">
        <v>2102980.96</v>
      </c>
      <c r="D50" s="565">
        <v>174728.28</v>
      </c>
      <c r="E50" s="565">
        <v>2102980.96</v>
      </c>
      <c r="F50" s="802">
        <v>9.7957867988612182E-2</v>
      </c>
      <c r="G50" s="565">
        <v>0</v>
      </c>
      <c r="H50" s="565">
        <v>64058.859999999993</v>
      </c>
      <c r="I50" s="565">
        <v>1904611.46</v>
      </c>
      <c r="J50" s="802">
        <v>9.4139866092993393E-2</v>
      </c>
      <c r="K50" s="803">
        <v>198369.5</v>
      </c>
      <c r="L50" s="368">
        <v>198369.5</v>
      </c>
      <c r="M50" s="166"/>
    </row>
    <row r="51" spans="1:13" ht="10.5" x14ac:dyDescent="0.2">
      <c r="A51" s="201" t="s">
        <v>756</v>
      </c>
      <c r="B51" s="567">
        <v>920000</v>
      </c>
      <c r="C51" s="567">
        <v>2102980.96</v>
      </c>
      <c r="D51" s="567">
        <v>174728.28</v>
      </c>
      <c r="E51" s="567">
        <v>2102980.96</v>
      </c>
      <c r="F51" s="804">
        <v>9.7957867988612182E-2</v>
      </c>
      <c r="G51" s="567">
        <v>0</v>
      </c>
      <c r="H51" s="567">
        <v>64058.859999999993</v>
      </c>
      <c r="I51" s="567">
        <v>1904611.46</v>
      </c>
      <c r="J51" s="804">
        <v>9.4139866092993393E-2</v>
      </c>
      <c r="K51" s="749">
        <v>198369.5</v>
      </c>
      <c r="L51" s="798">
        <v>198369.5</v>
      </c>
    </row>
    <row r="52" spans="1:13" ht="10.5" x14ac:dyDescent="0.2">
      <c r="A52" s="201"/>
      <c r="B52" s="567"/>
      <c r="C52" s="567"/>
      <c r="D52" s="567"/>
      <c r="E52" s="567"/>
      <c r="F52" s="749"/>
      <c r="G52" s="567"/>
      <c r="H52" s="567"/>
      <c r="I52" s="567"/>
      <c r="J52" s="749"/>
      <c r="K52" s="617"/>
      <c r="L52" s="798"/>
    </row>
    <row r="53" spans="1:13" s="73" customFormat="1" ht="10.5" x14ac:dyDescent="0.2">
      <c r="A53" s="152" t="s">
        <v>682</v>
      </c>
      <c r="B53" s="565">
        <v>201446800</v>
      </c>
      <c r="C53" s="565">
        <v>561453759.46000016</v>
      </c>
      <c r="D53" s="565">
        <v>14667479.200000001</v>
      </c>
      <c r="E53" s="565">
        <v>557530131.27999997</v>
      </c>
      <c r="F53" s="802">
        <v>25.970022571958928</v>
      </c>
      <c r="G53" s="565">
        <v>3923628.1800001431</v>
      </c>
      <c r="H53" s="565">
        <v>26137924.599999994</v>
      </c>
      <c r="I53" s="565">
        <v>545305092.18000007</v>
      </c>
      <c r="J53" s="802">
        <v>26.952976728205041</v>
      </c>
      <c r="K53" s="803">
        <v>16148667.280000048</v>
      </c>
      <c r="L53" s="368">
        <v>12225039.099999905</v>
      </c>
      <c r="M53" s="166"/>
    </row>
    <row r="54" spans="1:13" ht="10.5" x14ac:dyDescent="0.2">
      <c r="A54" s="200" t="s">
        <v>651</v>
      </c>
      <c r="B54" s="567">
        <v>201446800</v>
      </c>
      <c r="C54" s="567">
        <v>561076251.63000011</v>
      </c>
      <c r="D54" s="567">
        <v>14667479.200000001</v>
      </c>
      <c r="E54" s="567">
        <v>557530131.27999997</v>
      </c>
      <c r="F54" s="804">
        <v>25.970022571958928</v>
      </c>
      <c r="G54" s="567">
        <v>3546120.3500001431</v>
      </c>
      <c r="H54" s="567">
        <v>26137924.599999994</v>
      </c>
      <c r="I54" s="567">
        <v>545305092.18000007</v>
      </c>
      <c r="J54" s="804">
        <v>26.952976728205041</v>
      </c>
      <c r="K54" s="749">
        <v>15771159.450000048</v>
      </c>
      <c r="L54" s="798">
        <v>12225039.099999905</v>
      </c>
    </row>
    <row r="55" spans="1:13" ht="10.5" x14ac:dyDescent="0.2">
      <c r="A55" s="201" t="s">
        <v>675</v>
      </c>
      <c r="B55" s="567">
        <v>0</v>
      </c>
      <c r="C55" s="567">
        <v>0</v>
      </c>
      <c r="D55" s="567">
        <v>0</v>
      </c>
      <c r="E55" s="567">
        <v>0</v>
      </c>
      <c r="F55" s="804">
        <v>0</v>
      </c>
      <c r="G55" s="567">
        <v>0</v>
      </c>
      <c r="H55" s="567">
        <v>0</v>
      </c>
      <c r="I55" s="567">
        <v>0</v>
      </c>
      <c r="J55" s="804">
        <v>0</v>
      </c>
      <c r="K55" s="749">
        <v>0</v>
      </c>
      <c r="L55" s="798">
        <v>0</v>
      </c>
    </row>
    <row r="56" spans="1:13" ht="10.5" x14ac:dyDescent="0.2">
      <c r="A56" s="201" t="s">
        <v>754</v>
      </c>
      <c r="B56" s="567">
        <v>0</v>
      </c>
      <c r="C56" s="567">
        <v>0</v>
      </c>
      <c r="D56" s="567">
        <v>0</v>
      </c>
      <c r="E56" s="567">
        <v>0</v>
      </c>
      <c r="F56" s="804">
        <v>0</v>
      </c>
      <c r="G56" s="567">
        <v>0</v>
      </c>
      <c r="H56" s="567">
        <v>0</v>
      </c>
      <c r="I56" s="567">
        <v>0</v>
      </c>
      <c r="J56" s="804">
        <v>0</v>
      </c>
      <c r="K56" s="749">
        <v>0</v>
      </c>
      <c r="L56" s="798">
        <v>0</v>
      </c>
    </row>
    <row r="57" spans="1:13" ht="10.5" x14ac:dyDescent="0.2">
      <c r="A57" s="549" t="s">
        <v>680</v>
      </c>
      <c r="B57" s="567">
        <v>0</v>
      </c>
      <c r="C57" s="567">
        <v>377507.82999999996</v>
      </c>
      <c r="D57" s="567">
        <v>0</v>
      </c>
      <c r="E57" s="567">
        <v>0</v>
      </c>
      <c r="F57" s="377">
        <v>0</v>
      </c>
      <c r="G57" s="567">
        <v>377507.82999999996</v>
      </c>
      <c r="H57" s="567">
        <v>0</v>
      </c>
      <c r="I57" s="567">
        <v>0</v>
      </c>
      <c r="J57" s="377">
        <v>0</v>
      </c>
      <c r="K57" s="749">
        <v>377507.82999999996</v>
      </c>
      <c r="L57" s="798">
        <v>0</v>
      </c>
    </row>
    <row r="58" spans="1:13" s="289" customFormat="1" ht="10.5" x14ac:dyDescent="0.2">
      <c r="A58" s="549"/>
      <c r="B58" s="567"/>
      <c r="C58" s="567"/>
      <c r="D58" s="567"/>
      <c r="E58" s="567"/>
      <c r="F58" s="749"/>
      <c r="G58" s="567"/>
      <c r="H58" s="567"/>
      <c r="I58" s="567"/>
      <c r="J58" s="749"/>
      <c r="K58" s="617"/>
      <c r="L58" s="798"/>
      <c r="M58" s="228"/>
    </row>
    <row r="59" spans="1:13" s="73" customFormat="1" ht="10.5" x14ac:dyDescent="0.2">
      <c r="A59" s="152" t="s">
        <v>683</v>
      </c>
      <c r="B59" s="565">
        <v>1654500</v>
      </c>
      <c r="C59" s="565">
        <v>1808476</v>
      </c>
      <c r="D59" s="565">
        <v>8043.0299999999934</v>
      </c>
      <c r="E59" s="565">
        <v>1716270.2000000004</v>
      </c>
      <c r="F59" s="802">
        <v>7.9944694166127442E-2</v>
      </c>
      <c r="G59" s="565">
        <v>92205.799999999581</v>
      </c>
      <c r="H59" s="565">
        <v>110031.93</v>
      </c>
      <c r="I59" s="565">
        <v>1638159.49</v>
      </c>
      <c r="J59" s="802">
        <v>8.0969855672067811E-2</v>
      </c>
      <c r="K59" s="803">
        <v>170316.51</v>
      </c>
      <c r="L59" s="368">
        <v>78110.710000000428</v>
      </c>
      <c r="M59" s="166"/>
    </row>
    <row r="60" spans="1:13" ht="10.5" x14ac:dyDescent="0.2">
      <c r="A60" s="201" t="s">
        <v>684</v>
      </c>
      <c r="B60" s="567">
        <v>1654500</v>
      </c>
      <c r="C60" s="567">
        <v>1808476</v>
      </c>
      <c r="D60" s="567">
        <v>8043.0299999999934</v>
      </c>
      <c r="E60" s="567">
        <v>1716270.2000000004</v>
      </c>
      <c r="F60" s="804">
        <v>7.9944694166127442E-2</v>
      </c>
      <c r="G60" s="567">
        <v>92205.799999999581</v>
      </c>
      <c r="H60" s="567">
        <v>110031.93</v>
      </c>
      <c r="I60" s="567">
        <v>1638159.49</v>
      </c>
      <c r="J60" s="804">
        <v>8.0969855672067811E-2</v>
      </c>
      <c r="K60" s="749">
        <v>170316.51</v>
      </c>
      <c r="L60" s="798">
        <v>78110.710000000428</v>
      </c>
    </row>
    <row r="61" spans="1:13" ht="10.5" x14ac:dyDescent="0.2">
      <c r="A61" s="201"/>
      <c r="B61" s="567"/>
      <c r="C61" s="567"/>
      <c r="D61" s="567"/>
      <c r="E61" s="567"/>
      <c r="F61" s="749"/>
      <c r="G61" s="567"/>
      <c r="H61" s="567"/>
      <c r="I61" s="567"/>
      <c r="J61" s="749"/>
      <c r="K61" s="617"/>
      <c r="L61" s="798"/>
    </row>
    <row r="62" spans="1:13" s="73" customFormat="1" ht="10.5" x14ac:dyDescent="0.2">
      <c r="A62" s="152" t="s">
        <v>685</v>
      </c>
      <c r="B62" s="565">
        <v>10977800</v>
      </c>
      <c r="C62" s="565">
        <v>26697764</v>
      </c>
      <c r="D62" s="565">
        <v>5316933.8299999991</v>
      </c>
      <c r="E62" s="565">
        <v>26595731.48</v>
      </c>
      <c r="F62" s="802">
        <v>1.2388420070994925</v>
      </c>
      <c r="G62" s="565">
        <v>102032.52000000136</v>
      </c>
      <c r="H62" s="565">
        <v>3970974.3699999996</v>
      </c>
      <c r="I62" s="565">
        <v>25234266.259999998</v>
      </c>
      <c r="J62" s="802">
        <v>1.247262497659938</v>
      </c>
      <c r="K62" s="803">
        <v>1463497.7400000039</v>
      </c>
      <c r="L62" s="368">
        <v>1361465.2200000025</v>
      </c>
      <c r="M62" s="166"/>
    </row>
    <row r="63" spans="1:13" ht="10.5" x14ac:dyDescent="0.2">
      <c r="A63" s="201" t="s">
        <v>656</v>
      </c>
      <c r="B63" s="567">
        <v>370800</v>
      </c>
      <c r="C63" s="567">
        <v>470400</v>
      </c>
      <c r="D63" s="567">
        <v>76280.959999999992</v>
      </c>
      <c r="E63" s="567">
        <v>438730.67</v>
      </c>
      <c r="F63" s="804">
        <v>2.0436286334430426E-2</v>
      </c>
      <c r="G63" s="567">
        <v>31669.330000000016</v>
      </c>
      <c r="H63" s="567">
        <v>86837.439999999988</v>
      </c>
      <c r="I63" s="567">
        <v>438730.67</v>
      </c>
      <c r="J63" s="804">
        <v>2.1685287205343851E-2</v>
      </c>
      <c r="K63" s="749">
        <v>31669.330000000016</v>
      </c>
      <c r="L63" s="798">
        <v>0</v>
      </c>
    </row>
    <row r="64" spans="1:13" ht="10.5" x14ac:dyDescent="0.2">
      <c r="A64" s="50" t="s">
        <v>686</v>
      </c>
      <c r="B64" s="567">
        <v>10607000</v>
      </c>
      <c r="C64" s="567">
        <v>26227364</v>
      </c>
      <c r="D64" s="567">
        <v>5240652.8699999992</v>
      </c>
      <c r="E64" s="567">
        <v>26157000.809999999</v>
      </c>
      <c r="F64" s="804">
        <v>1.218405720765062</v>
      </c>
      <c r="G64" s="567">
        <v>70363.190000001341</v>
      </c>
      <c r="H64" s="567">
        <v>3884136.9299999997</v>
      </c>
      <c r="I64" s="567">
        <v>24795535.589999996</v>
      </c>
      <c r="J64" s="804">
        <v>1.2255772104545939</v>
      </c>
      <c r="K64" s="749">
        <v>1431828.4100000039</v>
      </c>
      <c r="L64" s="798">
        <v>1361465.2200000025</v>
      </c>
    </row>
    <row r="65" spans="1:13" ht="10.5" x14ac:dyDescent="0.2">
      <c r="A65" s="201" t="s">
        <v>687</v>
      </c>
      <c r="B65" s="567">
        <v>0</v>
      </c>
      <c r="C65" s="567">
        <v>0</v>
      </c>
      <c r="D65" s="567">
        <v>0</v>
      </c>
      <c r="E65" s="567">
        <v>0</v>
      </c>
      <c r="F65" s="804">
        <v>0</v>
      </c>
      <c r="G65" s="567">
        <v>0</v>
      </c>
      <c r="H65" s="567">
        <v>0</v>
      </c>
      <c r="I65" s="567">
        <v>0</v>
      </c>
      <c r="J65" s="804">
        <v>0</v>
      </c>
      <c r="K65" s="749">
        <v>0</v>
      </c>
      <c r="L65" s="798">
        <v>0</v>
      </c>
    </row>
    <row r="66" spans="1:13" ht="10.5" x14ac:dyDescent="0.2">
      <c r="A66" s="201"/>
      <c r="B66" s="567"/>
      <c r="C66" s="567"/>
      <c r="D66" s="567"/>
      <c r="E66" s="567"/>
      <c r="F66" s="749"/>
      <c r="G66" s="567"/>
      <c r="H66" s="567"/>
      <c r="I66" s="567"/>
      <c r="J66" s="749"/>
      <c r="K66" s="617"/>
      <c r="L66" s="798"/>
    </row>
    <row r="67" spans="1:13" s="73" customFormat="1" ht="10.5" x14ac:dyDescent="0.2">
      <c r="A67" s="152" t="s">
        <v>692</v>
      </c>
      <c r="B67" s="565">
        <v>442400</v>
      </c>
      <c r="C67" s="565">
        <v>2827992.0000000009</v>
      </c>
      <c r="D67" s="565">
        <v>-69293.98</v>
      </c>
      <c r="E67" s="565">
        <v>2718752.62</v>
      </c>
      <c r="F67" s="802">
        <v>0.12664080907496827</v>
      </c>
      <c r="G67" s="565">
        <v>109239.38000000082</v>
      </c>
      <c r="H67" s="565">
        <v>139093.19999999998</v>
      </c>
      <c r="I67" s="565">
        <v>2657503.9200000004</v>
      </c>
      <c r="J67" s="802">
        <v>0.13135333291043258</v>
      </c>
      <c r="K67" s="803">
        <v>170488.08000000054</v>
      </c>
      <c r="L67" s="368">
        <v>61248.699999999721</v>
      </c>
      <c r="M67" s="166"/>
    </row>
    <row r="68" spans="1:13" ht="10.5" x14ac:dyDescent="0.2">
      <c r="A68" s="201" t="s">
        <v>651</v>
      </c>
      <c r="B68" s="567">
        <v>442400</v>
      </c>
      <c r="C68" s="567">
        <v>2827992.0000000009</v>
      </c>
      <c r="D68" s="567">
        <v>-69293.98</v>
      </c>
      <c r="E68" s="567">
        <v>2718752.62</v>
      </c>
      <c r="F68" s="804">
        <v>0.12664080907496827</v>
      </c>
      <c r="G68" s="567">
        <v>109239.38000000082</v>
      </c>
      <c r="H68" s="567">
        <v>139093.19999999998</v>
      </c>
      <c r="I68" s="567">
        <v>2657503.9200000004</v>
      </c>
      <c r="J68" s="804">
        <v>0.13135333291043258</v>
      </c>
      <c r="K68" s="749">
        <v>170488.08000000054</v>
      </c>
      <c r="L68" s="798">
        <v>61248.699999999721</v>
      </c>
    </row>
    <row r="69" spans="1:13" ht="10.5" x14ac:dyDescent="0.2">
      <c r="A69" s="201" t="s">
        <v>693</v>
      </c>
      <c r="B69" s="567">
        <v>0</v>
      </c>
      <c r="C69" s="567">
        <v>0</v>
      </c>
      <c r="D69" s="567">
        <v>0</v>
      </c>
      <c r="E69" s="567">
        <v>0</v>
      </c>
      <c r="F69" s="804">
        <v>0</v>
      </c>
      <c r="G69" s="567">
        <v>0</v>
      </c>
      <c r="H69" s="567">
        <v>0</v>
      </c>
      <c r="I69" s="567">
        <v>0</v>
      </c>
      <c r="J69" s="804">
        <v>0</v>
      </c>
      <c r="K69" s="749">
        <v>0</v>
      </c>
      <c r="L69" s="798">
        <v>0</v>
      </c>
    </row>
    <row r="70" spans="1:13" ht="10.5" x14ac:dyDescent="0.2">
      <c r="A70" s="201"/>
      <c r="B70" s="567"/>
      <c r="C70" s="567"/>
      <c r="D70" s="567"/>
      <c r="E70" s="567"/>
      <c r="F70" s="749"/>
      <c r="G70" s="567"/>
      <c r="H70" s="567"/>
      <c r="I70" s="567"/>
      <c r="J70" s="749"/>
      <c r="K70" s="617"/>
      <c r="L70" s="798"/>
    </row>
    <row r="71" spans="1:13" s="73" customFormat="1" ht="10.5" x14ac:dyDescent="0.2">
      <c r="A71" s="152" t="s">
        <v>696</v>
      </c>
      <c r="B71" s="565">
        <v>1948200</v>
      </c>
      <c r="C71" s="565">
        <v>6209820</v>
      </c>
      <c r="D71" s="565">
        <v>1076176.0099999998</v>
      </c>
      <c r="E71" s="565">
        <v>4731481.6500000004</v>
      </c>
      <c r="F71" s="802">
        <v>0.2203946986097492</v>
      </c>
      <c r="G71" s="565">
        <v>1478338.3499999996</v>
      </c>
      <c r="H71" s="565">
        <v>693531.38</v>
      </c>
      <c r="I71" s="565">
        <v>4346272.5100000007</v>
      </c>
      <c r="J71" s="802">
        <v>0.21482466145355356</v>
      </c>
      <c r="K71" s="803">
        <v>1863547.4899999993</v>
      </c>
      <c r="L71" s="368">
        <v>385209.13999999966</v>
      </c>
      <c r="M71" s="166"/>
    </row>
    <row r="72" spans="1:13" ht="10.5" x14ac:dyDescent="0.2">
      <c r="A72" s="547" t="s">
        <v>651</v>
      </c>
      <c r="B72" s="567">
        <v>1948200</v>
      </c>
      <c r="C72" s="567">
        <v>6209820</v>
      </c>
      <c r="D72" s="567">
        <v>1076176.0099999998</v>
      </c>
      <c r="E72" s="567">
        <v>4731481.6500000004</v>
      </c>
      <c r="F72" s="804">
        <v>0.2203946986097492</v>
      </c>
      <c r="G72" s="567">
        <v>1478338.3499999996</v>
      </c>
      <c r="H72" s="567">
        <v>693531.38</v>
      </c>
      <c r="I72" s="567">
        <v>4346272.5100000007</v>
      </c>
      <c r="J72" s="804">
        <v>0.21482466145355356</v>
      </c>
      <c r="K72" s="749">
        <v>1863547.4899999993</v>
      </c>
      <c r="L72" s="798">
        <v>385209.13999999966</v>
      </c>
    </row>
    <row r="73" spans="1:13" ht="10.5" x14ac:dyDescent="0.2">
      <c r="A73" s="201"/>
      <c r="B73" s="567"/>
      <c r="C73" s="567"/>
      <c r="D73" s="567"/>
      <c r="E73" s="567"/>
      <c r="F73" s="749"/>
      <c r="G73" s="567"/>
      <c r="H73" s="567"/>
      <c r="I73" s="567"/>
      <c r="J73" s="749"/>
      <c r="K73" s="617"/>
      <c r="L73" s="798">
        <v>0</v>
      </c>
    </row>
    <row r="74" spans="1:13" s="73" customFormat="1" ht="10.5" x14ac:dyDescent="0.2">
      <c r="A74" s="152" t="s">
        <v>702</v>
      </c>
      <c r="B74" s="565">
        <v>42000</v>
      </c>
      <c r="C74" s="565">
        <v>0</v>
      </c>
      <c r="D74" s="565">
        <v>0</v>
      </c>
      <c r="E74" s="565">
        <v>0</v>
      </c>
      <c r="F74" s="802">
        <v>0</v>
      </c>
      <c r="G74" s="565">
        <v>0</v>
      </c>
      <c r="H74" s="565">
        <v>0</v>
      </c>
      <c r="I74" s="565">
        <v>0</v>
      </c>
      <c r="J74" s="802">
        <v>0</v>
      </c>
      <c r="K74" s="803">
        <v>0</v>
      </c>
      <c r="L74" s="798">
        <v>0</v>
      </c>
      <c r="M74" s="166"/>
    </row>
    <row r="75" spans="1:13" ht="10.5" x14ac:dyDescent="0.2">
      <c r="A75" s="201" t="s">
        <v>703</v>
      </c>
      <c r="B75" s="567">
        <v>42000</v>
      </c>
      <c r="C75" s="567">
        <v>0</v>
      </c>
      <c r="D75" s="567">
        <v>0</v>
      </c>
      <c r="E75" s="567">
        <v>0</v>
      </c>
      <c r="F75" s="804">
        <v>0</v>
      </c>
      <c r="G75" s="567">
        <v>0</v>
      </c>
      <c r="H75" s="567">
        <v>0</v>
      </c>
      <c r="I75" s="567">
        <v>0</v>
      </c>
      <c r="J75" s="804">
        <v>0</v>
      </c>
      <c r="K75" s="749">
        <v>0</v>
      </c>
      <c r="L75" s="798">
        <v>0</v>
      </c>
    </row>
    <row r="76" spans="1:13" ht="10.5" x14ac:dyDescent="0.2">
      <c r="A76" s="201"/>
      <c r="B76" s="567"/>
      <c r="C76" s="567"/>
      <c r="D76" s="567"/>
      <c r="E76" s="567"/>
      <c r="F76" s="749"/>
      <c r="G76" s="567"/>
      <c r="H76" s="567"/>
      <c r="I76" s="567"/>
      <c r="J76" s="749"/>
      <c r="K76" s="617"/>
      <c r="L76" s="798"/>
    </row>
    <row r="77" spans="1:13" s="73" customFormat="1" ht="10.5" x14ac:dyDescent="0.2">
      <c r="A77" s="152" t="s">
        <v>706</v>
      </c>
      <c r="B77" s="565">
        <v>8227000</v>
      </c>
      <c r="C77" s="565">
        <v>38077710.000000007</v>
      </c>
      <c r="D77" s="565">
        <v>1568573.2</v>
      </c>
      <c r="E77" s="565">
        <v>34148712.390000008</v>
      </c>
      <c r="F77" s="802">
        <v>1.5906635028596294</v>
      </c>
      <c r="G77" s="565">
        <v>3928997.6099999994</v>
      </c>
      <c r="H77" s="565">
        <v>2393270.8200000003</v>
      </c>
      <c r="I77" s="565">
        <v>32912157.729999997</v>
      </c>
      <c r="J77" s="802">
        <v>1.6267602010195177</v>
      </c>
      <c r="K77" s="803">
        <v>5165552.2700000107</v>
      </c>
      <c r="L77" s="368">
        <v>1236554.6600000113</v>
      </c>
      <c r="M77" s="166"/>
    </row>
    <row r="78" spans="1:13" ht="10.5" x14ac:dyDescent="0.2">
      <c r="A78" s="201" t="s">
        <v>651</v>
      </c>
      <c r="B78" s="567">
        <v>8227000</v>
      </c>
      <c r="C78" s="567">
        <v>38077710.000000007</v>
      </c>
      <c r="D78" s="567">
        <v>1568573.2</v>
      </c>
      <c r="E78" s="567">
        <v>34148712.390000008</v>
      </c>
      <c r="F78" s="804">
        <v>1.5906635028596294</v>
      </c>
      <c r="G78" s="567">
        <v>3928997.6099999994</v>
      </c>
      <c r="H78" s="567">
        <v>2393270.8200000003</v>
      </c>
      <c r="I78" s="567">
        <v>32912157.729999997</v>
      </c>
      <c r="J78" s="804">
        <v>1.6267602010195177</v>
      </c>
      <c r="K78" s="749">
        <v>5165552.2700000107</v>
      </c>
      <c r="L78" s="798">
        <v>1236554.6600000113</v>
      </c>
    </row>
    <row r="79" spans="1:13" ht="10.5" x14ac:dyDescent="0.2">
      <c r="A79" s="201"/>
      <c r="B79" s="567"/>
      <c r="C79" s="567"/>
      <c r="D79" s="567"/>
      <c r="E79" s="567"/>
      <c r="F79" s="749"/>
      <c r="G79" s="567"/>
      <c r="H79" s="567"/>
      <c r="I79" s="567"/>
      <c r="J79" s="749"/>
      <c r="K79" s="617"/>
      <c r="L79" s="798"/>
    </row>
    <row r="80" spans="1:13" s="73" customFormat="1" ht="10.5" x14ac:dyDescent="0.2">
      <c r="A80" s="152" t="s">
        <v>714</v>
      </c>
      <c r="B80" s="565">
        <v>1704600</v>
      </c>
      <c r="C80" s="565">
        <v>2290786.6</v>
      </c>
      <c r="D80" s="565">
        <v>-77903.56</v>
      </c>
      <c r="E80" s="565">
        <v>1995898.5700000003</v>
      </c>
      <c r="F80" s="802">
        <v>9.2969918585815381E-2</v>
      </c>
      <c r="G80" s="565">
        <v>294888.02999999968</v>
      </c>
      <c r="H80" s="565">
        <v>322412.87000000005</v>
      </c>
      <c r="I80" s="565">
        <v>1919581.4000000004</v>
      </c>
      <c r="J80" s="802">
        <v>9.4879790311983542E-2</v>
      </c>
      <c r="K80" s="803">
        <v>371205.1999999996</v>
      </c>
      <c r="L80" s="368">
        <v>76317.169999999925</v>
      </c>
      <c r="M80" s="166"/>
    </row>
    <row r="81" spans="1:13" ht="10.5" x14ac:dyDescent="0.2">
      <c r="A81" s="201" t="s">
        <v>713</v>
      </c>
      <c r="B81" s="567">
        <v>924000</v>
      </c>
      <c r="C81" s="567">
        <v>1184000</v>
      </c>
      <c r="D81" s="567">
        <v>106263.63</v>
      </c>
      <c r="E81" s="567">
        <v>1112130.6100000001</v>
      </c>
      <c r="F81" s="804">
        <v>5.1803580513860081E-2</v>
      </c>
      <c r="G81" s="567">
        <v>71869.389999999898</v>
      </c>
      <c r="H81" s="567">
        <v>255765.84000000003</v>
      </c>
      <c r="I81" s="567">
        <v>1112130.6100000001</v>
      </c>
      <c r="J81" s="804">
        <v>5.4969650714649737E-2</v>
      </c>
      <c r="K81" s="749">
        <v>71869.389999999898</v>
      </c>
      <c r="L81" s="798">
        <v>0</v>
      </c>
    </row>
    <row r="82" spans="1:13" ht="10.5" x14ac:dyDescent="0.2">
      <c r="A82" s="201" t="s">
        <v>715</v>
      </c>
      <c r="B82" s="567">
        <v>776600</v>
      </c>
      <c r="C82" s="567">
        <v>1106786.6000000001</v>
      </c>
      <c r="D82" s="567">
        <v>-184167.19</v>
      </c>
      <c r="E82" s="567">
        <v>883767.96000000031</v>
      </c>
      <c r="F82" s="804">
        <v>4.1166338071955307E-2</v>
      </c>
      <c r="G82" s="567">
        <v>223018.63999999978</v>
      </c>
      <c r="H82" s="567">
        <v>66647.030000000013</v>
      </c>
      <c r="I82" s="567">
        <v>807450.79000000039</v>
      </c>
      <c r="J82" s="804">
        <v>3.9910139597333812E-2</v>
      </c>
      <c r="K82" s="749">
        <v>299335.80999999971</v>
      </c>
      <c r="L82" s="798">
        <v>76317.169999999925</v>
      </c>
    </row>
    <row r="83" spans="1:13" ht="10.5" x14ac:dyDescent="0.2">
      <c r="A83" s="201" t="s">
        <v>716</v>
      </c>
      <c r="B83" s="567">
        <v>4000</v>
      </c>
      <c r="C83" s="567">
        <v>0</v>
      </c>
      <c r="D83" s="567">
        <v>0</v>
      </c>
      <c r="E83" s="567">
        <v>0</v>
      </c>
      <c r="F83" s="804">
        <v>0</v>
      </c>
      <c r="G83" s="567">
        <v>0</v>
      </c>
      <c r="H83" s="567">
        <v>0</v>
      </c>
      <c r="I83" s="567">
        <v>0</v>
      </c>
      <c r="J83" s="804">
        <v>0</v>
      </c>
      <c r="K83" s="749">
        <v>0</v>
      </c>
      <c r="L83" s="798">
        <v>0</v>
      </c>
    </row>
    <row r="84" spans="1:13" ht="10.5" x14ac:dyDescent="0.2">
      <c r="A84" s="201"/>
      <c r="B84" s="567"/>
      <c r="C84" s="567"/>
      <c r="D84" s="567"/>
      <c r="E84" s="567"/>
      <c r="F84" s="749"/>
      <c r="G84" s="567"/>
      <c r="H84" s="567"/>
      <c r="I84" s="567"/>
      <c r="J84" s="749"/>
      <c r="K84" s="617"/>
      <c r="L84" s="798"/>
    </row>
    <row r="85" spans="1:13" s="73" customFormat="1" ht="10.5" x14ac:dyDescent="0.2">
      <c r="A85" s="152" t="s">
        <v>763</v>
      </c>
      <c r="B85" s="565">
        <v>579600</v>
      </c>
      <c r="C85" s="565">
        <v>727600</v>
      </c>
      <c r="D85" s="565">
        <v>13559.680000000002</v>
      </c>
      <c r="E85" s="565">
        <v>552363.19999999995</v>
      </c>
      <c r="F85" s="802">
        <v>2.5729344419441337E-2</v>
      </c>
      <c r="G85" s="565">
        <v>175236.80000000005</v>
      </c>
      <c r="H85" s="565">
        <v>18346.839999999997</v>
      </c>
      <c r="I85" s="565">
        <v>548681.79999999981</v>
      </c>
      <c r="J85" s="802">
        <v>2.7119878392237839E-2</v>
      </c>
      <c r="K85" s="803">
        <v>178918.20000000019</v>
      </c>
      <c r="L85" s="368">
        <v>3681.4000000001397</v>
      </c>
      <c r="M85" s="166"/>
    </row>
    <row r="86" spans="1:13" ht="10.5" x14ac:dyDescent="0.2">
      <c r="A86" s="201" t="s">
        <v>713</v>
      </c>
      <c r="B86" s="567">
        <v>579600</v>
      </c>
      <c r="C86" s="567">
        <v>727600</v>
      </c>
      <c r="D86" s="567">
        <v>13559.680000000002</v>
      </c>
      <c r="E86" s="567">
        <v>552363.19999999995</v>
      </c>
      <c r="F86" s="804">
        <v>2.5729344419441337E-2</v>
      </c>
      <c r="G86" s="567">
        <v>175236.80000000005</v>
      </c>
      <c r="H86" s="567">
        <v>18346.839999999997</v>
      </c>
      <c r="I86" s="567">
        <v>548681.79999999981</v>
      </c>
      <c r="J86" s="804">
        <v>2.7119878392237839E-2</v>
      </c>
      <c r="K86" s="749">
        <v>178918.20000000019</v>
      </c>
      <c r="L86" s="798">
        <v>3681.4000000001397</v>
      </c>
    </row>
    <row r="87" spans="1:13" ht="10.5" x14ac:dyDescent="0.2">
      <c r="A87" s="201"/>
      <c r="B87" s="567"/>
      <c r="C87" s="567"/>
      <c r="D87" s="567"/>
      <c r="E87" s="567"/>
      <c r="F87" s="749"/>
      <c r="G87" s="567"/>
      <c r="H87" s="567"/>
      <c r="I87" s="567"/>
      <c r="J87" s="749"/>
      <c r="K87" s="617"/>
      <c r="L87" s="798"/>
    </row>
    <row r="88" spans="1:13" s="73" customFormat="1" ht="10.5" x14ac:dyDescent="0.2">
      <c r="A88" s="152" t="s">
        <v>720</v>
      </c>
      <c r="B88" s="565">
        <v>15101300</v>
      </c>
      <c r="C88" s="565">
        <v>49208319</v>
      </c>
      <c r="D88" s="565">
        <v>-6264955.3499999996</v>
      </c>
      <c r="E88" s="565">
        <v>41807343.199999988</v>
      </c>
      <c r="F88" s="802">
        <v>1.9474062219470605</v>
      </c>
      <c r="G88" s="565">
        <v>7400975.8000000119</v>
      </c>
      <c r="H88" s="565">
        <v>536539.36000000034</v>
      </c>
      <c r="I88" s="565">
        <v>41244028.899999984</v>
      </c>
      <c r="J88" s="802">
        <v>2.0385823772065028</v>
      </c>
      <c r="K88" s="803">
        <v>7964290.1000000164</v>
      </c>
      <c r="L88" s="368">
        <v>563314.30000000447</v>
      </c>
      <c r="M88" s="166"/>
    </row>
    <row r="89" spans="1:13" ht="10.5" x14ac:dyDescent="0.2">
      <c r="A89" s="201" t="s">
        <v>651</v>
      </c>
      <c r="B89" s="567">
        <v>15101300</v>
      </c>
      <c r="C89" s="567">
        <v>49208319</v>
      </c>
      <c r="D89" s="567">
        <v>-6264955.3499999996</v>
      </c>
      <c r="E89" s="567">
        <v>41807343.199999988</v>
      </c>
      <c r="F89" s="804">
        <v>1.9474062219470605</v>
      </c>
      <c r="G89" s="567">
        <v>7400975.8000000119</v>
      </c>
      <c r="H89" s="567">
        <v>536539.36000000034</v>
      </c>
      <c r="I89" s="567">
        <v>41244028.899999984</v>
      </c>
      <c r="J89" s="804">
        <v>2.0385823772065028</v>
      </c>
      <c r="K89" s="749">
        <v>7964290.1000000164</v>
      </c>
      <c r="L89" s="798">
        <v>563314.30000000447</v>
      </c>
    </row>
    <row r="90" spans="1:13" s="199" customFormat="1" ht="10.5" x14ac:dyDescent="0.2">
      <c r="A90" s="201"/>
      <c r="B90" s="567"/>
      <c r="C90" s="567"/>
      <c r="D90" s="567"/>
      <c r="E90" s="567"/>
      <c r="F90" s="749"/>
      <c r="G90" s="567"/>
      <c r="H90" s="567"/>
      <c r="I90" s="567"/>
      <c r="J90" s="749"/>
      <c r="K90" s="617"/>
      <c r="L90" s="798"/>
      <c r="M90" s="228"/>
    </row>
    <row r="91" spans="1:13" s="73" customFormat="1" ht="10.5" x14ac:dyDescent="0.2">
      <c r="A91" s="152" t="s">
        <v>725</v>
      </c>
      <c r="B91" s="565">
        <v>68000</v>
      </c>
      <c r="C91" s="565">
        <v>360524</v>
      </c>
      <c r="D91" s="565">
        <v>-28064.16</v>
      </c>
      <c r="E91" s="565">
        <v>285458.68</v>
      </c>
      <c r="F91" s="802">
        <v>1.3296803073121257E-2</v>
      </c>
      <c r="G91" s="565">
        <v>75065.320000000007</v>
      </c>
      <c r="H91" s="565">
        <v>4688.180000000003</v>
      </c>
      <c r="I91" s="565">
        <v>281855.44</v>
      </c>
      <c r="J91" s="802">
        <v>1.39313628718698E-2</v>
      </c>
      <c r="K91" s="803">
        <v>78668.56</v>
      </c>
      <c r="L91" s="368">
        <v>3603.2399999999907</v>
      </c>
      <c r="M91" s="166"/>
    </row>
    <row r="92" spans="1:13" ht="10.5" x14ac:dyDescent="0.2">
      <c r="A92" s="201" t="s">
        <v>726</v>
      </c>
      <c r="B92" s="567">
        <v>40000</v>
      </c>
      <c r="C92" s="567">
        <v>40000</v>
      </c>
      <c r="D92" s="567">
        <v>0</v>
      </c>
      <c r="E92" s="567">
        <v>0</v>
      </c>
      <c r="F92" s="804">
        <v>0</v>
      </c>
      <c r="G92" s="567">
        <v>40000</v>
      </c>
      <c r="H92" s="567">
        <v>0</v>
      </c>
      <c r="I92" s="567">
        <v>0</v>
      </c>
      <c r="J92" s="804">
        <v>0</v>
      </c>
      <c r="K92" s="749">
        <v>40000</v>
      </c>
      <c r="L92" s="798">
        <v>0</v>
      </c>
    </row>
    <row r="93" spans="1:13" ht="10.5" x14ac:dyDescent="0.2">
      <c r="A93" s="201" t="s">
        <v>727</v>
      </c>
      <c r="B93" s="567">
        <v>28000</v>
      </c>
      <c r="C93" s="567">
        <v>320524</v>
      </c>
      <c r="D93" s="567">
        <v>-28064.16</v>
      </c>
      <c r="E93" s="567">
        <v>285458.68</v>
      </c>
      <c r="F93" s="804">
        <v>1.3296803073121257E-2</v>
      </c>
      <c r="G93" s="567">
        <v>35065.320000000007</v>
      </c>
      <c r="H93" s="567">
        <v>4688.180000000003</v>
      </c>
      <c r="I93" s="567">
        <v>281855.44</v>
      </c>
      <c r="J93" s="804">
        <v>1.39313628718698E-2</v>
      </c>
      <c r="K93" s="749">
        <v>38668.559999999998</v>
      </c>
      <c r="L93" s="798">
        <v>3603.2399999999907</v>
      </c>
    </row>
    <row r="94" spans="1:13" ht="10.5" x14ac:dyDescent="0.2">
      <c r="A94" s="201"/>
      <c r="B94" s="567"/>
      <c r="C94" s="567"/>
      <c r="D94" s="567"/>
      <c r="E94" s="567"/>
      <c r="F94" s="749"/>
      <c r="G94" s="567"/>
      <c r="H94" s="567"/>
      <c r="I94" s="567"/>
      <c r="J94" s="749"/>
      <c r="K94" s="617"/>
      <c r="L94" s="798"/>
    </row>
    <row r="95" spans="1:13" s="73" customFormat="1" ht="10.5" x14ac:dyDescent="0.2">
      <c r="A95" s="152" t="s">
        <v>728</v>
      </c>
      <c r="B95" s="565">
        <v>98060000</v>
      </c>
      <c r="C95" s="565">
        <v>244448000</v>
      </c>
      <c r="D95" s="565">
        <v>185917041.59999999</v>
      </c>
      <c r="E95" s="565">
        <v>236819649.23999998</v>
      </c>
      <c r="F95" s="802">
        <v>11.031173547744038</v>
      </c>
      <c r="G95" s="565">
        <v>7628350.7600000203</v>
      </c>
      <c r="H95" s="565">
        <v>188080517.94999999</v>
      </c>
      <c r="I95" s="565">
        <v>199319649.23999995</v>
      </c>
      <c r="J95" s="802">
        <v>9.8518388045171204</v>
      </c>
      <c r="K95" s="803">
        <v>45128350.76000005</v>
      </c>
      <c r="L95" s="368">
        <v>37500000.00000003</v>
      </c>
      <c r="M95" s="166"/>
    </row>
    <row r="96" spans="1:13" ht="10.5" x14ac:dyDescent="0.2">
      <c r="A96" s="201" t="s">
        <v>731</v>
      </c>
      <c r="B96" s="567">
        <v>98060000</v>
      </c>
      <c r="C96" s="567">
        <v>244448000</v>
      </c>
      <c r="D96" s="567">
        <v>185917041.59999999</v>
      </c>
      <c r="E96" s="567">
        <v>236819649.23999998</v>
      </c>
      <c r="F96" s="804">
        <v>11.031173547744038</v>
      </c>
      <c r="G96" s="567">
        <v>7628350.7600000203</v>
      </c>
      <c r="H96" s="567">
        <v>188080517.94999999</v>
      </c>
      <c r="I96" s="567">
        <v>199319649.23999995</v>
      </c>
      <c r="J96" s="804">
        <v>9.8518388045171204</v>
      </c>
      <c r="K96" s="749">
        <v>45128350.76000005</v>
      </c>
      <c r="L96" s="798">
        <v>37500000.00000003</v>
      </c>
    </row>
    <row r="97" spans="1:13" ht="15" customHeight="1" x14ac:dyDescent="0.2">
      <c r="A97" s="154" t="s">
        <v>738</v>
      </c>
      <c r="B97" s="467">
        <v>931270300</v>
      </c>
      <c r="C97" s="467">
        <v>2212192140.0999999</v>
      </c>
      <c r="D97" s="467">
        <v>360974377.23000002</v>
      </c>
      <c r="E97" s="467">
        <v>2146821897.1900001</v>
      </c>
      <c r="F97" s="806">
        <v>100</v>
      </c>
      <c r="G97" s="467">
        <v>65370242.910000175</v>
      </c>
      <c r="H97" s="467">
        <v>441937532.48000002</v>
      </c>
      <c r="I97" s="467">
        <v>2023172051.3800006</v>
      </c>
      <c r="J97" s="806">
        <v>100</v>
      </c>
      <c r="K97" s="753">
        <v>189020088.71999991</v>
      </c>
      <c r="L97" s="245">
        <v>123649845.80999972</v>
      </c>
    </row>
    <row r="98" spans="1:13" ht="10.5" x14ac:dyDescent="0.2">
      <c r="A98" s="50" t="s">
        <v>863</v>
      </c>
      <c r="L98" s="320"/>
    </row>
    <row r="99" spans="1:13" ht="10.5" x14ac:dyDescent="0.2">
      <c r="A99" s="213"/>
    </row>
    <row r="100" spans="1:13" ht="10.5" x14ac:dyDescent="0.2">
      <c r="A100" s="195"/>
      <c r="C100" s="550"/>
    </row>
    <row r="101" spans="1:13" s="289" customFormat="1" ht="10.5" x14ac:dyDescent="0.2">
      <c r="A101" s="507"/>
      <c r="B101" s="50"/>
      <c r="C101" s="50"/>
      <c r="D101" s="50"/>
      <c r="E101" s="50"/>
      <c r="F101" s="50"/>
      <c r="G101" s="50"/>
      <c r="H101" s="50"/>
      <c r="I101" s="50"/>
      <c r="J101" s="50"/>
      <c r="K101" s="50"/>
      <c r="L101" s="50"/>
      <c r="M101" s="228"/>
    </row>
    <row r="102" spans="1:13" s="289" customFormat="1" ht="10.5" x14ac:dyDescent="0.2">
      <c r="A102" s="507"/>
      <c r="B102" s="50"/>
      <c r="C102" s="50"/>
      <c r="D102" s="50"/>
      <c r="E102" s="50"/>
      <c r="F102" s="50"/>
      <c r="G102" s="50"/>
      <c r="H102" s="50"/>
      <c r="I102" s="50"/>
      <c r="J102" s="50"/>
      <c r="K102" s="50"/>
      <c r="L102" s="50"/>
      <c r="M102" s="228"/>
    </row>
    <row r="103" spans="1:13" s="289" customFormat="1" ht="10.5" x14ac:dyDescent="0.2">
      <c r="A103" s="507"/>
      <c r="B103" s="50"/>
      <c r="C103" s="50"/>
      <c r="D103" s="50"/>
      <c r="E103" s="50"/>
      <c r="F103" s="50"/>
      <c r="G103" s="50"/>
      <c r="H103" s="50"/>
      <c r="I103" s="50"/>
      <c r="J103" s="50"/>
      <c r="K103" s="50"/>
      <c r="L103" s="50"/>
      <c r="M103" s="228"/>
    </row>
    <row r="104" spans="1:13" ht="10.5" x14ac:dyDescent="0.2"/>
    <row r="105" spans="1:13" ht="10.5" x14ac:dyDescent="0.2"/>
    <row r="106" spans="1:13" ht="10.5" x14ac:dyDescent="0.2"/>
    <row r="107" spans="1:13" s="50" customFormat="1" ht="11.25" customHeight="1" x14ac:dyDescent="0.2">
      <c r="M107" s="63"/>
    </row>
    <row r="108" spans="1:13" s="50" customFormat="1" ht="11.25" customHeight="1" x14ac:dyDescent="0.2">
      <c r="M108" s="63"/>
    </row>
    <row r="109" spans="1:13" s="50" customFormat="1" ht="11.25" customHeight="1" x14ac:dyDescent="0.2">
      <c r="M109" s="63"/>
    </row>
    <row r="110" spans="1:13" s="50" customFormat="1" ht="11.25" customHeight="1" x14ac:dyDescent="0.2">
      <c r="M110" s="63"/>
    </row>
    <row r="111" spans="1:13" s="50" customFormat="1" ht="11.25" customHeight="1" x14ac:dyDescent="0.2">
      <c r="M111" s="63"/>
    </row>
    <row r="112" spans="1:13" s="50" customFormat="1" ht="11.25" customHeight="1" x14ac:dyDescent="0.2">
      <c r="M112" s="63"/>
    </row>
    <row r="113" spans="13:13" s="50" customFormat="1" ht="11.25" customHeight="1" x14ac:dyDescent="0.2">
      <c r="M113" s="63"/>
    </row>
    <row r="114" spans="13:13" ht="10.5" x14ac:dyDescent="0.2"/>
    <row r="115" spans="13:13" ht="10.5" x14ac:dyDescent="0.2"/>
    <row r="116" spans="13:13" ht="10.5" x14ac:dyDescent="0.2"/>
    <row r="117" spans="13:13" ht="10.5" x14ac:dyDescent="0.2"/>
    <row r="118" spans="13:13" ht="10.5" x14ac:dyDescent="0.2"/>
    <row r="119" spans="13:13" ht="10.5" x14ac:dyDescent="0.2"/>
    <row r="120" spans="13:13" ht="10.5" x14ac:dyDescent="0.2"/>
    <row r="121" spans="13:13" ht="10.5" x14ac:dyDescent="0.2"/>
    <row r="122" spans="13:13" ht="10.5" x14ac:dyDescent="0.2"/>
    <row r="123" spans="13:13" ht="10.5" x14ac:dyDescent="0.2"/>
    <row r="124" spans="13:13" ht="10.5" x14ac:dyDescent="0.2"/>
    <row r="125" spans="13:13" ht="10.5" x14ac:dyDescent="0.2"/>
    <row r="126" spans="13:13" ht="10.5" x14ac:dyDescent="0.2"/>
    <row r="127" spans="13:13" ht="10.5" x14ac:dyDescent="0.2"/>
    <row r="128" spans="13:13"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sheetData>
  <customSheetViews>
    <customSheetView guid="{6DBFA32C-4AA4-4E1D-9A48-697377C64CC3}" showPageBreaks="1" showGridLines="0" fitToPage="1" printArea="1">
      <selection activeCell="A110" sqref="A110"/>
      <pageMargins left="0.51181102362204722" right="0.51181102362204722" top="0.78740157480314965" bottom="0.78740157480314965" header="0.31496062992125984" footer="0.31496062992125984"/>
      <pageSetup paperSize="9" scale="41" orientation="portrait" r:id="rId1"/>
    </customSheetView>
    <customSheetView guid="{25EF1E0D-169B-4051-B414-7E1196FC05E4}" showPageBreaks="1" showGridLines="0" fitToPage="1" printArea="1" topLeftCell="A16">
      <selection activeCell="A45" sqref="A45:XFD45"/>
      <pageMargins left="0.19685039370078741" right="0.19685039370078741" top="0.19685039370078741" bottom="0.19685039370078741" header="0" footer="0"/>
      <printOptions horizontalCentered="1"/>
      <pageSetup paperSize="9" scale="44" orientation="portrait" r:id="rId2"/>
    </customSheetView>
    <customSheetView guid="{82EDB5A4-4824-4632-A540-7A52C92F04C7}" showPageBreaks="1" showGridLines="0" fitToPage="1" printArea="1">
      <selection activeCell="A110" sqref="A110"/>
      <pageMargins left="0.51181102362204722" right="0.51181102362204722" top="0.78740157480314965" bottom="0.78740157480314965" header="0.31496062992125984" footer="0.31496062992125984"/>
      <pageSetup paperSize="9" scale="41" orientation="portrait" r:id="rId3"/>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4"/>
    </customSheetView>
    <customSheetView guid="{3AAF6A5F-F9AA-430B-9AD9-1261ECDF41B5}" scale="90" showPageBreaks="1" showGridLines="0" fitToPage="1" printArea="1" topLeftCell="A3">
      <pane xSplit="2" ySplit="11" topLeftCell="C100" activePane="bottomRight" state="frozen"/>
      <selection pane="bottomRight" activeCell="H120" sqref="H120"/>
      <pageMargins left="0.19685039370078741" right="0.19685039370078741" top="0.59055118110236227" bottom="0.19685039370078741" header="0" footer="0"/>
      <printOptions horizontalCentered="1"/>
      <pageSetup paperSize="9" scale="44" orientation="portrait" r:id="rId5"/>
    </customSheetView>
    <customSheetView guid="{C779D862-DE28-46CD-A428-4AAA1056D1E1}" showGridLines="0" fitToPage="1" topLeftCell="B67">
      <selection activeCell="B29" sqref="B29:E29"/>
      <pageMargins left="0.19685039370078741" right="0.19685039370078741" top="0.59055118110236227" bottom="0.19685039370078741" header="0" footer="0"/>
      <printOptions horizontalCentered="1"/>
      <pageSetup paperSize="9" scale="44" orientation="portrait" r:id="rId6"/>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3" orientation="portrait" r:id="rId7"/>
  <drawing r:id="rId8"/>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tabColor rgb="FF00B050"/>
    <pageSetUpPr fitToPage="1"/>
  </sheetPr>
  <dimension ref="A1:P86"/>
  <sheetViews>
    <sheetView showGridLines="0" zoomScaleNormal="100" workbookViewId="0"/>
  </sheetViews>
  <sheetFormatPr defaultColWidth="4.140625" defaultRowHeight="11.25" customHeight="1" x14ac:dyDescent="0.2"/>
  <cols>
    <col min="1" max="1" width="45.140625" style="289" customWidth="1"/>
    <col min="2" max="2" width="19.28515625" style="334" customWidth="1"/>
    <col min="3" max="3" width="19" style="334" customWidth="1"/>
    <col min="4" max="6" width="19" style="334" bestFit="1" customWidth="1"/>
    <col min="7" max="7" width="20.140625" style="339" bestFit="1" customWidth="1"/>
    <col min="8" max="8" width="19.7109375" style="334" customWidth="1"/>
    <col min="9" max="9" width="4.140625" style="228"/>
    <col min="10" max="12" width="4.140625" style="289"/>
    <col min="13" max="13" width="5.140625" style="289" customWidth="1"/>
    <col min="14" max="14" width="4.140625" style="289"/>
    <col min="15" max="15" width="19" style="289" bestFit="1" customWidth="1"/>
    <col min="16" max="16" width="10.28515625" style="289" customWidth="1"/>
    <col min="17" max="16384" width="4.140625" style="289"/>
  </cols>
  <sheetData>
    <row r="1" spans="1:9" s="27" customFormat="1" ht="11.25" customHeight="1" x14ac:dyDescent="0.2">
      <c r="A1" s="293"/>
      <c r="B1" s="334"/>
      <c r="C1" s="334"/>
      <c r="D1" s="334"/>
      <c r="E1" s="334"/>
      <c r="F1" s="334"/>
      <c r="G1" s="339"/>
      <c r="H1" s="334"/>
      <c r="I1" s="122"/>
    </row>
    <row r="2" spans="1:9" s="27" customFormat="1" ht="11.25" customHeight="1" x14ac:dyDescent="0.2">
      <c r="A2" s="293"/>
      <c r="B2" s="334"/>
      <c r="C2" s="334"/>
      <c r="D2" s="334"/>
      <c r="E2" s="334"/>
      <c r="F2" s="334"/>
      <c r="G2" s="339"/>
      <c r="H2" s="334"/>
      <c r="I2" s="122"/>
    </row>
    <row r="3" spans="1:9" s="50" customFormat="1" ht="11.25" customHeight="1" x14ac:dyDescent="0.2">
      <c r="A3" s="864" t="s">
        <v>641</v>
      </c>
      <c r="B3" s="864"/>
      <c r="C3" s="864"/>
      <c r="D3" s="864"/>
      <c r="E3" s="864"/>
      <c r="F3" s="864"/>
      <c r="G3" s="864"/>
      <c r="H3" s="864"/>
      <c r="I3" s="63"/>
    </row>
    <row r="4" spans="1:9" s="50" customFormat="1" ht="11.25" customHeight="1" x14ac:dyDescent="0.2">
      <c r="A4" s="864" t="s">
        <v>105</v>
      </c>
      <c r="B4" s="864"/>
      <c r="C4" s="864"/>
      <c r="D4" s="864"/>
      <c r="E4" s="864"/>
      <c r="F4" s="864"/>
      <c r="G4" s="864"/>
      <c r="H4" s="864"/>
      <c r="I4" s="63"/>
    </row>
    <row r="5" spans="1:9" s="50" customFormat="1" ht="11.25" customHeight="1" x14ac:dyDescent="0.2">
      <c r="A5" s="864" t="s">
        <v>171</v>
      </c>
      <c r="B5" s="864"/>
      <c r="C5" s="864"/>
      <c r="D5" s="864"/>
      <c r="E5" s="864"/>
      <c r="F5" s="864"/>
      <c r="G5" s="864"/>
      <c r="H5" s="864"/>
      <c r="I5" s="63"/>
    </row>
    <row r="6" spans="1:9" s="50" customFormat="1" ht="11.25" customHeight="1" x14ac:dyDescent="0.2">
      <c r="A6" s="864" t="s">
        <v>107</v>
      </c>
      <c r="B6" s="864"/>
      <c r="C6" s="864"/>
      <c r="D6" s="864"/>
      <c r="E6" s="864"/>
      <c r="F6" s="864"/>
      <c r="G6" s="864"/>
      <c r="H6" s="864"/>
      <c r="I6" s="63"/>
    </row>
    <row r="7" spans="1:9" s="50" customFormat="1" ht="11.25" customHeight="1" x14ac:dyDescent="0.2">
      <c r="A7" s="899" t="s">
        <v>882</v>
      </c>
      <c r="B7" s="899"/>
      <c r="C7" s="899"/>
      <c r="D7" s="899"/>
      <c r="E7" s="899"/>
      <c r="F7" s="899"/>
      <c r="G7" s="899"/>
      <c r="H7" s="899"/>
      <c r="I7" s="63"/>
    </row>
    <row r="8" spans="1:9" s="27" customFormat="1" ht="11.25" customHeight="1" x14ac:dyDescent="0.2">
      <c r="A8" s="51"/>
      <c r="B8" s="340"/>
      <c r="C8" s="340"/>
      <c r="D8" s="340"/>
      <c r="E8" s="340"/>
      <c r="F8" s="340"/>
      <c r="G8" s="340"/>
      <c r="H8" s="340"/>
      <c r="I8" s="122"/>
    </row>
    <row r="9" spans="1:9" s="27" customFormat="1" ht="11.25" customHeight="1" x14ac:dyDescent="0.2">
      <c r="A9" s="27" t="s">
        <v>365</v>
      </c>
      <c r="B9" s="334"/>
      <c r="C9" s="334"/>
      <c r="D9" s="334"/>
      <c r="E9" s="334"/>
      <c r="F9" s="334"/>
      <c r="G9" s="347"/>
      <c r="H9" s="347">
        <v>1</v>
      </c>
      <c r="I9" s="122"/>
    </row>
    <row r="10" spans="1:9" ht="11.25" customHeight="1" x14ac:dyDescent="0.2">
      <c r="A10" s="137"/>
      <c r="B10" s="929" t="s">
        <v>172</v>
      </c>
      <c r="C10" s="930"/>
      <c r="D10" s="930"/>
      <c r="E10" s="930"/>
      <c r="F10" s="930"/>
      <c r="G10" s="930"/>
      <c r="H10" s="930"/>
    </row>
    <row r="11" spans="1:9" ht="11.25" customHeight="1" x14ac:dyDescent="0.2">
      <c r="A11" s="292" t="s">
        <v>173</v>
      </c>
      <c r="B11" s="931"/>
      <c r="C11" s="932"/>
      <c r="D11" s="932"/>
      <c r="E11" s="932"/>
      <c r="F11" s="932"/>
      <c r="G11" s="932"/>
      <c r="H11" s="932"/>
    </row>
    <row r="12" spans="1:9" ht="15" customHeight="1" x14ac:dyDescent="0.2">
      <c r="A12" s="55"/>
      <c r="B12" s="355" t="s">
        <v>741</v>
      </c>
      <c r="C12" s="355" t="s">
        <v>742</v>
      </c>
      <c r="D12" s="522" t="s">
        <v>861</v>
      </c>
      <c r="E12" s="522" t="s">
        <v>862</v>
      </c>
      <c r="F12" s="656" t="s">
        <v>873</v>
      </c>
      <c r="G12" s="656" t="s">
        <v>874</v>
      </c>
      <c r="H12" s="656" t="s">
        <v>875</v>
      </c>
    </row>
    <row r="13" spans="1:9" s="73" customFormat="1" ht="10.5" x14ac:dyDescent="0.2">
      <c r="A13" s="138" t="s">
        <v>176</v>
      </c>
      <c r="B13" s="326">
        <v>1101788593.7499998</v>
      </c>
      <c r="C13" s="326">
        <v>904433255.06999981</v>
      </c>
      <c r="D13" s="326">
        <v>916049742.93000019</v>
      </c>
      <c r="E13" s="326">
        <v>982170421.42999995</v>
      </c>
      <c r="F13" s="326">
        <v>1006060241.4199998</v>
      </c>
      <c r="G13" s="326">
        <v>970564725.51000011</v>
      </c>
      <c r="H13" s="326">
        <v>994884354.13999987</v>
      </c>
      <c r="I13" s="166"/>
    </row>
    <row r="14" spans="1:9" ht="10.5" x14ac:dyDescent="0.2">
      <c r="A14" s="30" t="s">
        <v>177</v>
      </c>
      <c r="B14" s="328">
        <v>799499913.00999999</v>
      </c>
      <c r="C14" s="328">
        <v>614898556.80999994</v>
      </c>
      <c r="D14" s="328">
        <v>649153840.6700002</v>
      </c>
      <c r="E14" s="328">
        <v>701632621.8599999</v>
      </c>
      <c r="F14" s="328">
        <v>670608538.11999989</v>
      </c>
      <c r="G14" s="509">
        <v>666858165.99000013</v>
      </c>
      <c r="H14" s="328">
        <v>691351494.65999985</v>
      </c>
    </row>
    <row r="15" spans="1:9" ht="10.5" x14ac:dyDescent="0.2">
      <c r="A15" s="30" t="s">
        <v>419</v>
      </c>
      <c r="B15" s="328">
        <v>587682625.99000001</v>
      </c>
      <c r="C15" s="328">
        <v>523211412.75999999</v>
      </c>
      <c r="D15" s="328">
        <v>547978168.58000004</v>
      </c>
      <c r="E15" s="328">
        <v>605326293.30999994</v>
      </c>
      <c r="F15" s="244">
        <v>580281807.77999997</v>
      </c>
      <c r="G15" s="244">
        <v>571703195.5200001</v>
      </c>
      <c r="H15" s="328">
        <v>595703094.02999997</v>
      </c>
    </row>
    <row r="16" spans="1:9" ht="10.5" x14ac:dyDescent="0.2">
      <c r="A16" s="30" t="s">
        <v>420</v>
      </c>
      <c r="B16" s="328">
        <v>174535106.62</v>
      </c>
      <c r="C16" s="328">
        <v>26373911.09</v>
      </c>
      <c r="D16" s="328">
        <v>26469276.98</v>
      </c>
      <c r="E16" s="328">
        <v>23760696.239999998</v>
      </c>
      <c r="F16" s="244">
        <v>21606640.75</v>
      </c>
      <c r="G16" s="244">
        <v>10294532.4</v>
      </c>
      <c r="H16" s="328">
        <v>9813272.5299999993</v>
      </c>
    </row>
    <row r="17" spans="1:9" ht="10.5" x14ac:dyDescent="0.2">
      <c r="A17" s="30" t="s">
        <v>421</v>
      </c>
      <c r="B17" s="328">
        <v>6900379.1200000001</v>
      </c>
      <c r="C17" s="328">
        <v>4324192.87</v>
      </c>
      <c r="D17" s="328">
        <v>8103631.8300000001</v>
      </c>
      <c r="E17" s="328">
        <v>5513013.1600000001</v>
      </c>
      <c r="F17" s="244">
        <v>8315101.7999999998</v>
      </c>
      <c r="G17" s="244">
        <v>10630796.34</v>
      </c>
      <c r="H17" s="328">
        <v>7605769.0199999996</v>
      </c>
    </row>
    <row r="18" spans="1:9" ht="10.5" x14ac:dyDescent="0.2">
      <c r="A18" s="30" t="s">
        <v>418</v>
      </c>
      <c r="B18" s="328">
        <v>16444108.98</v>
      </c>
      <c r="C18" s="328">
        <v>42865748.549999997</v>
      </c>
      <c r="D18" s="328">
        <v>45927108.090000004</v>
      </c>
      <c r="E18" s="328">
        <v>49596859.020000003</v>
      </c>
      <c r="F18" s="244">
        <v>41695157.859999999</v>
      </c>
      <c r="G18" s="244">
        <v>45110977.710000001</v>
      </c>
      <c r="H18" s="328">
        <v>47188218.670000002</v>
      </c>
    </row>
    <row r="19" spans="1:9" ht="10.5" x14ac:dyDescent="0.2">
      <c r="A19" s="30" t="s">
        <v>422</v>
      </c>
      <c r="B19" s="328">
        <v>13937692.300000001</v>
      </c>
      <c r="C19" s="328">
        <v>18123291.539999999</v>
      </c>
      <c r="D19" s="328">
        <v>20675655.190000001</v>
      </c>
      <c r="E19" s="328">
        <v>17435760.129999999</v>
      </c>
      <c r="F19" s="244">
        <v>18709829.93</v>
      </c>
      <c r="G19" s="244">
        <v>29118664.020000003</v>
      </c>
      <c r="H19" s="328">
        <v>31041140.409999996</v>
      </c>
    </row>
    <row r="20" spans="1:9" ht="10.5" x14ac:dyDescent="0.2">
      <c r="A20" s="30" t="s">
        <v>178</v>
      </c>
      <c r="B20" s="328">
        <v>12848164.560000001</v>
      </c>
      <c r="C20" s="328">
        <v>16900171.550000001</v>
      </c>
      <c r="D20" s="328">
        <v>18821320.469999999</v>
      </c>
      <c r="E20" s="328">
        <v>11716530.630000001</v>
      </c>
      <c r="F20" s="244">
        <v>42135340.5</v>
      </c>
      <c r="G20" s="244">
        <v>23440094.18</v>
      </c>
      <c r="H20" s="328">
        <v>54833119.640000001</v>
      </c>
    </row>
    <row r="21" spans="1:9" ht="10.5" x14ac:dyDescent="0.2">
      <c r="A21" s="30" t="s">
        <v>179</v>
      </c>
      <c r="B21" s="328">
        <v>6723383.3899999997</v>
      </c>
      <c r="C21" s="328">
        <v>6675794.4199999999</v>
      </c>
      <c r="D21" s="328">
        <v>7930773.6200000001</v>
      </c>
      <c r="E21" s="328">
        <v>8572440.2400000002</v>
      </c>
      <c r="F21" s="244">
        <v>8861258</v>
      </c>
      <c r="G21" s="244">
        <v>8576976.3300000001</v>
      </c>
      <c r="H21" s="328">
        <v>11681962.84</v>
      </c>
    </row>
    <row r="22" spans="1:9" ht="10.5" x14ac:dyDescent="0.2">
      <c r="A22" s="30" t="s">
        <v>180</v>
      </c>
      <c r="B22" s="328">
        <v>0</v>
      </c>
      <c r="C22" s="328">
        <v>0</v>
      </c>
      <c r="D22" s="328">
        <v>0</v>
      </c>
      <c r="E22" s="328">
        <v>0</v>
      </c>
      <c r="F22" s="244">
        <v>0</v>
      </c>
      <c r="G22" s="244">
        <v>0</v>
      </c>
      <c r="H22" s="328">
        <v>0</v>
      </c>
    </row>
    <row r="23" spans="1:9" ht="10.5" x14ac:dyDescent="0.2">
      <c r="A23" s="30" t="s">
        <v>181</v>
      </c>
      <c r="B23" s="328">
        <v>0</v>
      </c>
      <c r="C23" s="328">
        <v>0</v>
      </c>
      <c r="D23" s="328">
        <v>0</v>
      </c>
      <c r="E23" s="328">
        <v>0</v>
      </c>
      <c r="F23" s="244">
        <v>0</v>
      </c>
      <c r="G23" s="244">
        <v>0</v>
      </c>
      <c r="H23" s="328">
        <v>0</v>
      </c>
    </row>
    <row r="24" spans="1:9" ht="10.5" x14ac:dyDescent="0.2">
      <c r="A24" s="30" t="s">
        <v>186</v>
      </c>
      <c r="B24" s="328">
        <v>30602025.84</v>
      </c>
      <c r="C24" s="328">
        <v>28882653.66</v>
      </c>
      <c r="D24" s="328">
        <v>38086618.530000001</v>
      </c>
      <c r="E24" s="328">
        <v>44409574.219999999</v>
      </c>
      <c r="F24" s="244">
        <v>44817980.920000002</v>
      </c>
      <c r="G24" s="244">
        <v>44227441.590000004</v>
      </c>
      <c r="H24" s="328">
        <v>31703231.600000001</v>
      </c>
    </row>
    <row r="25" spans="1:9" ht="10.5" x14ac:dyDescent="0.2">
      <c r="A25" s="30" t="s">
        <v>182</v>
      </c>
      <c r="B25" s="328">
        <v>242400879.34999999</v>
      </c>
      <c r="C25" s="328">
        <v>230447506.27999997</v>
      </c>
      <c r="D25" s="328">
        <v>193144194.88999999</v>
      </c>
      <c r="E25" s="328">
        <v>207519516.25</v>
      </c>
      <c r="F25" s="328">
        <v>224897826.56999999</v>
      </c>
      <c r="G25" s="328">
        <v>215885692.77000001</v>
      </c>
      <c r="H25" s="328">
        <v>193089249.15000001</v>
      </c>
    </row>
    <row r="26" spans="1:9" ht="10.5" x14ac:dyDescent="0.2">
      <c r="A26" s="30" t="s">
        <v>423</v>
      </c>
      <c r="B26" s="328">
        <v>103504091.45</v>
      </c>
      <c r="C26" s="328">
        <v>105657624.64</v>
      </c>
      <c r="D26" s="328">
        <v>76956060.219999999</v>
      </c>
      <c r="E26" s="328">
        <v>83055981.260000005</v>
      </c>
      <c r="F26" s="244">
        <v>102135688.70999999</v>
      </c>
      <c r="G26" s="244">
        <v>88868403.599999994</v>
      </c>
      <c r="H26" s="328">
        <v>65804266.659999996</v>
      </c>
    </row>
    <row r="27" spans="1:9" ht="10.5" x14ac:dyDescent="0.2">
      <c r="A27" s="30" t="s">
        <v>424</v>
      </c>
      <c r="B27" s="328">
        <v>0</v>
      </c>
      <c r="C27" s="328">
        <v>0</v>
      </c>
      <c r="D27" s="328">
        <v>0</v>
      </c>
      <c r="E27" s="328">
        <v>6018918.75</v>
      </c>
      <c r="F27" s="244">
        <v>1504729.69</v>
      </c>
      <c r="G27" s="244">
        <v>1504729.69</v>
      </c>
      <c r="H27" s="328">
        <v>1504729.69</v>
      </c>
    </row>
    <row r="28" spans="1:9" ht="10.5" x14ac:dyDescent="0.2">
      <c r="A28" s="30" t="s">
        <v>425</v>
      </c>
      <c r="B28" s="328">
        <v>11263748.6</v>
      </c>
      <c r="C28" s="328">
        <v>6701026.1299999999</v>
      </c>
      <c r="D28" s="328">
        <v>6573010.79</v>
      </c>
      <c r="E28" s="328">
        <v>6884435.8300000001</v>
      </c>
      <c r="F28" s="244">
        <v>4038440.55</v>
      </c>
      <c r="G28" s="244">
        <v>7397516.4800000004</v>
      </c>
      <c r="H28" s="328">
        <v>10542583.23</v>
      </c>
    </row>
    <row r="29" spans="1:9" ht="10.5" x14ac:dyDescent="0.2">
      <c r="A29" s="30" t="s">
        <v>426</v>
      </c>
      <c r="B29" s="328">
        <v>80061435.019999996</v>
      </c>
      <c r="C29" s="328">
        <v>76782173.819999993</v>
      </c>
      <c r="D29" s="328">
        <v>67529021.870000005</v>
      </c>
      <c r="E29" s="328">
        <v>70914227.629999995</v>
      </c>
      <c r="F29" s="244">
        <v>72507414.430000007</v>
      </c>
      <c r="G29" s="244">
        <v>70146489.019999996</v>
      </c>
      <c r="H29" s="328">
        <v>65333972.869999997</v>
      </c>
    </row>
    <row r="30" spans="1:9" ht="10.5" x14ac:dyDescent="0.2">
      <c r="A30" s="30" t="s">
        <v>427</v>
      </c>
      <c r="B30" s="328">
        <v>47571604.280000001</v>
      </c>
      <c r="C30" s="328">
        <v>41306681.689999998</v>
      </c>
      <c r="D30" s="328">
        <v>42086102.009999998</v>
      </c>
      <c r="E30" s="328">
        <v>40645952.780000001</v>
      </c>
      <c r="F30" s="244">
        <v>44711553.189999998</v>
      </c>
      <c r="G30" s="244">
        <v>47968553.980000019</v>
      </c>
      <c r="H30" s="328">
        <v>49903696.70000001</v>
      </c>
    </row>
    <row r="31" spans="1:9" ht="10.5" x14ac:dyDescent="0.2">
      <c r="A31" s="30" t="s">
        <v>183</v>
      </c>
      <c r="B31" s="328">
        <v>9714227.5999999996</v>
      </c>
      <c r="C31" s="328">
        <v>6628572.3499999996</v>
      </c>
      <c r="D31" s="328">
        <v>8912994.75</v>
      </c>
      <c r="E31" s="328">
        <v>8319738.2300000004</v>
      </c>
      <c r="F31" s="244">
        <v>14739297.310000001</v>
      </c>
      <c r="G31" s="244">
        <v>11576354.65</v>
      </c>
      <c r="H31" s="328">
        <v>12225296.25</v>
      </c>
    </row>
    <row r="32" spans="1:9" s="73" customFormat="1" ht="10.5" x14ac:dyDescent="0.2">
      <c r="A32" s="138" t="s">
        <v>184</v>
      </c>
      <c r="B32" s="349">
        <v>385492604.48000002</v>
      </c>
      <c r="C32" s="349">
        <v>273343390.47000003</v>
      </c>
      <c r="D32" s="349">
        <v>277802307.66999996</v>
      </c>
      <c r="E32" s="349">
        <v>306977032.69</v>
      </c>
      <c r="F32" s="349">
        <v>319337249.94</v>
      </c>
      <c r="G32" s="349">
        <v>292334031.92999995</v>
      </c>
      <c r="H32" s="349">
        <v>326372565.22999996</v>
      </c>
      <c r="I32" s="166"/>
    </row>
    <row r="33" spans="1:16" ht="10.5" x14ac:dyDescent="0.2">
      <c r="A33" s="30" t="s">
        <v>185</v>
      </c>
      <c r="B33" s="328">
        <v>243030683.58000001</v>
      </c>
      <c r="C33" s="328">
        <v>151666129.28</v>
      </c>
      <c r="D33" s="328">
        <v>155451890.84999999</v>
      </c>
      <c r="E33" s="328">
        <v>182208239.41999999</v>
      </c>
      <c r="F33" s="244">
        <v>164255917.31</v>
      </c>
      <c r="G33" s="244">
        <v>157946061.63999999</v>
      </c>
      <c r="H33" s="328">
        <v>164468808.94999999</v>
      </c>
    </row>
    <row r="34" spans="1:16" ht="10.5" x14ac:dyDescent="0.2">
      <c r="A34" s="30" t="s">
        <v>366</v>
      </c>
      <c r="B34" s="328">
        <v>12593547.49</v>
      </c>
      <c r="C34" s="328">
        <v>16616770.939999999</v>
      </c>
      <c r="D34" s="328">
        <v>18749534.5</v>
      </c>
      <c r="E34" s="328">
        <v>10628592.619999999</v>
      </c>
      <c r="F34" s="244">
        <v>41694061.960000001</v>
      </c>
      <c r="G34" s="244">
        <v>25579114.379999999</v>
      </c>
      <c r="H34" s="328">
        <v>54529832.380000003</v>
      </c>
    </row>
    <row r="35" spans="1:16" ht="10.5" x14ac:dyDescent="0.2">
      <c r="A35" s="30" t="s">
        <v>428</v>
      </c>
      <c r="B35" s="328">
        <v>0</v>
      </c>
      <c r="C35" s="328">
        <v>0</v>
      </c>
      <c r="D35" s="328">
        <v>0</v>
      </c>
      <c r="E35" s="328">
        <v>0</v>
      </c>
      <c r="F35" s="244">
        <v>0</v>
      </c>
      <c r="G35" s="244">
        <v>0</v>
      </c>
      <c r="H35" s="328">
        <v>303287.26</v>
      </c>
    </row>
    <row r="36" spans="1:16" ht="10.5" x14ac:dyDescent="0.2">
      <c r="A36" s="30" t="s">
        <v>223</v>
      </c>
      <c r="B36" s="328">
        <v>0</v>
      </c>
      <c r="C36" s="328">
        <v>459968.06</v>
      </c>
      <c r="D36" s="328">
        <v>0</v>
      </c>
      <c r="E36" s="328">
        <v>427929.84</v>
      </c>
      <c r="F36" s="244">
        <v>0</v>
      </c>
      <c r="G36" s="244">
        <v>30967.25</v>
      </c>
      <c r="H36" s="328">
        <v>14908.63</v>
      </c>
    </row>
    <row r="37" spans="1:16" s="73" customFormat="1" ht="10.5" x14ac:dyDescent="0.2">
      <c r="A37" s="30" t="s">
        <v>226</v>
      </c>
      <c r="B37" s="328">
        <v>129868373.41</v>
      </c>
      <c r="C37" s="328">
        <v>104600522.19</v>
      </c>
      <c r="D37" s="328">
        <v>103600882.31999999</v>
      </c>
      <c r="E37" s="328">
        <v>113712270.81</v>
      </c>
      <c r="F37" s="244">
        <v>113387270.67</v>
      </c>
      <c r="G37" s="244">
        <v>108777888.66</v>
      </c>
      <c r="H37" s="328">
        <v>107055728.01000001</v>
      </c>
      <c r="I37" s="166"/>
    </row>
    <row r="38" spans="1:16" s="73" customFormat="1" ht="15" customHeight="1" x14ac:dyDescent="0.2">
      <c r="A38" s="28" t="s">
        <v>234</v>
      </c>
      <c r="B38" s="350">
        <v>716295989.26999974</v>
      </c>
      <c r="C38" s="351">
        <v>631089864.59999979</v>
      </c>
      <c r="D38" s="350">
        <v>638247435.26000023</v>
      </c>
      <c r="E38" s="350">
        <v>675193388.74000001</v>
      </c>
      <c r="F38" s="350">
        <v>686722991.47999978</v>
      </c>
      <c r="G38" s="350">
        <v>678230693.58000016</v>
      </c>
      <c r="H38" s="350">
        <v>668511788.90999985</v>
      </c>
      <c r="I38" s="166"/>
    </row>
    <row r="39" spans="1:16" ht="6" customHeight="1" x14ac:dyDescent="0.2">
      <c r="A39" s="933"/>
      <c r="B39" s="933"/>
      <c r="C39" s="933"/>
      <c r="D39" s="933"/>
      <c r="E39" s="933"/>
      <c r="F39" s="933"/>
      <c r="G39" s="933"/>
      <c r="H39" s="933"/>
    </row>
    <row r="40" spans="1:16" s="27" customFormat="1" ht="6" customHeight="1" x14ac:dyDescent="0.2">
      <c r="B40" s="334"/>
      <c r="C40" s="334"/>
      <c r="D40" s="334"/>
      <c r="E40" s="334"/>
      <c r="F40" s="334"/>
      <c r="G40" s="334"/>
      <c r="H40" s="334"/>
      <c r="I40" s="122"/>
    </row>
    <row r="41" spans="1:16" ht="11.25" customHeight="1" x14ac:dyDescent="0.2">
      <c r="A41" s="137"/>
      <c r="B41" s="929" t="s">
        <v>172</v>
      </c>
      <c r="C41" s="930"/>
      <c r="D41" s="930"/>
      <c r="E41" s="930"/>
      <c r="F41" s="930"/>
      <c r="G41" s="353" t="s">
        <v>170</v>
      </c>
      <c r="H41" s="353" t="s">
        <v>108</v>
      </c>
    </row>
    <row r="42" spans="1:16" ht="11.25" customHeight="1" x14ac:dyDescent="0.2">
      <c r="A42" s="292" t="s">
        <v>173</v>
      </c>
      <c r="B42" s="931"/>
      <c r="C42" s="932"/>
      <c r="D42" s="932"/>
      <c r="E42" s="932"/>
      <c r="F42" s="932"/>
      <c r="G42" s="354" t="s">
        <v>174</v>
      </c>
      <c r="H42" s="354" t="s">
        <v>112</v>
      </c>
    </row>
    <row r="43" spans="1:16" ht="15" customHeight="1" x14ac:dyDescent="0.2">
      <c r="A43" s="55"/>
      <c r="B43" s="656" t="s">
        <v>876</v>
      </c>
      <c r="C43" s="607" t="s">
        <v>877</v>
      </c>
      <c r="D43" s="607" t="s">
        <v>878</v>
      </c>
      <c r="E43" s="607" t="s">
        <v>883</v>
      </c>
      <c r="F43" s="607" t="s">
        <v>884</v>
      </c>
      <c r="G43" s="348" t="s">
        <v>175</v>
      </c>
      <c r="H43" s="365">
        <v>2015</v>
      </c>
      <c r="M43" s="228"/>
      <c r="N43" s="228"/>
      <c r="O43" s="228"/>
      <c r="P43" s="228"/>
    </row>
    <row r="44" spans="1:16" s="73" customFormat="1" ht="10.5" x14ac:dyDescent="0.2">
      <c r="A44" s="138" t="s">
        <v>176</v>
      </c>
      <c r="B44" s="326">
        <v>999252664.14999998</v>
      </c>
      <c r="C44" s="326">
        <v>975849866.98000002</v>
      </c>
      <c r="D44" s="326">
        <v>1017361681.8899999</v>
      </c>
      <c r="E44" s="326">
        <v>1021125786.5299999</v>
      </c>
      <c r="F44" s="326">
        <v>1105056221.95</v>
      </c>
      <c r="G44" s="326">
        <v>11994597555.75</v>
      </c>
      <c r="H44" s="331">
        <v>12469124900</v>
      </c>
      <c r="I44" s="166"/>
      <c r="M44" s="166"/>
      <c r="N44" s="166"/>
      <c r="O44" s="214"/>
      <c r="P44" s="214"/>
    </row>
    <row r="45" spans="1:16" ht="10.5" x14ac:dyDescent="0.2">
      <c r="A45" s="30" t="s">
        <v>177</v>
      </c>
      <c r="B45" s="328">
        <v>694161069.98999989</v>
      </c>
      <c r="C45" s="328">
        <v>687646671.42999995</v>
      </c>
      <c r="D45" s="328">
        <v>676435703.5999999</v>
      </c>
      <c r="E45" s="328">
        <v>679435823.20999992</v>
      </c>
      <c r="F45" s="328">
        <v>728177950.00999999</v>
      </c>
      <c r="G45" s="328">
        <v>8259860349.3600006</v>
      </c>
      <c r="H45" s="335">
        <v>8120560200</v>
      </c>
      <c r="M45" s="228"/>
      <c r="N45" s="228"/>
      <c r="O45" s="529"/>
      <c r="P45" s="214"/>
    </row>
    <row r="46" spans="1:16" x14ac:dyDescent="0.2">
      <c r="A46" s="30" t="s">
        <v>419</v>
      </c>
      <c r="B46" s="328">
        <v>604777681.92999995</v>
      </c>
      <c r="C46" s="328">
        <v>586553488.82999992</v>
      </c>
      <c r="D46" s="328">
        <v>585179815.51999998</v>
      </c>
      <c r="E46" s="328">
        <v>577355560.66999996</v>
      </c>
      <c r="F46" s="328">
        <v>563767463.13999999</v>
      </c>
      <c r="G46" s="328">
        <v>6929520608.0600004</v>
      </c>
      <c r="H46" s="319">
        <v>6742500000</v>
      </c>
      <c r="M46" s="228"/>
      <c r="N46" s="228"/>
      <c r="O46" s="1284"/>
      <c r="P46" s="214"/>
    </row>
    <row r="47" spans="1:16" x14ac:dyDescent="0.2">
      <c r="A47" s="30" t="s">
        <v>420</v>
      </c>
      <c r="B47" s="328">
        <v>8594754.7400000002</v>
      </c>
      <c r="C47" s="328">
        <v>8235916.0499999998</v>
      </c>
      <c r="D47" s="328">
        <v>7473951.25</v>
      </c>
      <c r="E47" s="328">
        <v>6807575.2400000002</v>
      </c>
      <c r="F47" s="328">
        <v>27298786.489999998</v>
      </c>
      <c r="G47" s="328">
        <v>351264420.38</v>
      </c>
      <c r="H47" s="319">
        <v>329900000</v>
      </c>
      <c r="M47" s="228"/>
      <c r="N47" s="228"/>
      <c r="O47" s="1284"/>
      <c r="P47" s="214"/>
    </row>
    <row r="48" spans="1:16" x14ac:dyDescent="0.2">
      <c r="A48" s="30" t="s">
        <v>421</v>
      </c>
      <c r="B48" s="328">
        <v>9732295.1799999997</v>
      </c>
      <c r="C48" s="328">
        <v>7577783.1100000003</v>
      </c>
      <c r="D48" s="328">
        <v>10418904.140000001</v>
      </c>
      <c r="E48" s="328">
        <v>9829570.1799999997</v>
      </c>
      <c r="F48" s="328">
        <v>27108414.43</v>
      </c>
      <c r="G48" s="328">
        <v>116059851.18000001</v>
      </c>
      <c r="H48" s="319">
        <v>105800000</v>
      </c>
      <c r="M48" s="228"/>
      <c r="N48" s="228"/>
      <c r="O48" s="1284"/>
      <c r="P48" s="214"/>
    </row>
    <row r="49" spans="1:16" x14ac:dyDescent="0.2">
      <c r="A49" s="30" t="s">
        <v>418</v>
      </c>
      <c r="B49" s="328">
        <v>45345755.350000001</v>
      </c>
      <c r="C49" s="328">
        <v>52907120.82</v>
      </c>
      <c r="D49" s="328">
        <v>40132261.509999998</v>
      </c>
      <c r="E49" s="328">
        <v>62755535.130000003</v>
      </c>
      <c r="F49" s="328">
        <v>83565955.969999999</v>
      </c>
      <c r="G49" s="328">
        <v>573534807.65999997</v>
      </c>
      <c r="H49" s="319">
        <v>510400000</v>
      </c>
      <c r="M49" s="228"/>
      <c r="N49" s="228"/>
      <c r="O49" s="1284"/>
      <c r="P49" s="214"/>
    </row>
    <row r="50" spans="1:16" x14ac:dyDescent="0.2">
      <c r="A50" s="30" t="s">
        <v>422</v>
      </c>
      <c r="B50" s="328">
        <v>25710582.789999999</v>
      </c>
      <c r="C50" s="328">
        <v>32372362.619999997</v>
      </c>
      <c r="D50" s="328">
        <v>33230771.18</v>
      </c>
      <c r="E50" s="328">
        <v>22687581.989999998</v>
      </c>
      <c r="F50" s="328">
        <v>26437329.98</v>
      </c>
      <c r="G50" s="328">
        <v>289480662.08000004</v>
      </c>
      <c r="H50" s="319">
        <v>431960200</v>
      </c>
      <c r="M50" s="228"/>
      <c r="N50" s="228"/>
      <c r="O50" s="1284"/>
      <c r="P50" s="214"/>
    </row>
    <row r="51" spans="1:16" x14ac:dyDescent="0.2">
      <c r="A51" s="30" t="s">
        <v>178</v>
      </c>
      <c r="B51" s="328">
        <v>41271724.530000001</v>
      </c>
      <c r="C51" s="328">
        <v>21177747.449999999</v>
      </c>
      <c r="D51" s="328">
        <v>24721524.100000001</v>
      </c>
      <c r="E51" s="328">
        <v>41829069.049999997</v>
      </c>
      <c r="F51" s="328">
        <v>38210958.350000001</v>
      </c>
      <c r="G51" s="328">
        <v>347905765.01000005</v>
      </c>
      <c r="H51" s="319">
        <v>388750900</v>
      </c>
      <c r="M51" s="228"/>
      <c r="N51" s="228"/>
      <c r="O51" s="1284"/>
      <c r="P51" s="214"/>
    </row>
    <row r="52" spans="1:16" x14ac:dyDescent="0.2">
      <c r="A52" s="30" t="s">
        <v>179</v>
      </c>
      <c r="B52" s="328">
        <v>9987528.1099999994</v>
      </c>
      <c r="C52" s="328">
        <v>14109174.65</v>
      </c>
      <c r="D52" s="328">
        <v>23712441.399999999</v>
      </c>
      <c r="E52" s="328">
        <v>22681298.59</v>
      </c>
      <c r="F52" s="328">
        <v>21517218.170000002</v>
      </c>
      <c r="G52" s="328">
        <v>151030249.75999999</v>
      </c>
      <c r="H52" s="319">
        <v>135829800</v>
      </c>
      <c r="M52" s="228"/>
      <c r="N52" s="228"/>
      <c r="O52" s="1284"/>
      <c r="P52" s="214"/>
    </row>
    <row r="53" spans="1:16" ht="10.5" x14ac:dyDescent="0.2">
      <c r="A53" s="30" t="s">
        <v>180</v>
      </c>
      <c r="B53" s="328">
        <v>0</v>
      </c>
      <c r="C53" s="328">
        <v>0</v>
      </c>
      <c r="D53" s="328">
        <v>0</v>
      </c>
      <c r="E53" s="328">
        <v>0</v>
      </c>
      <c r="F53" s="328">
        <v>0</v>
      </c>
      <c r="G53" s="328">
        <v>0</v>
      </c>
      <c r="H53" s="335">
        <v>0</v>
      </c>
      <c r="M53" s="228"/>
      <c r="N53" s="228"/>
      <c r="O53" s="529"/>
      <c r="P53" s="214"/>
    </row>
    <row r="54" spans="1:16" ht="10.5" x14ac:dyDescent="0.2">
      <c r="A54" s="30" t="s">
        <v>181</v>
      </c>
      <c r="B54" s="328">
        <v>0</v>
      </c>
      <c r="C54" s="328">
        <v>0</v>
      </c>
      <c r="D54" s="328">
        <v>0</v>
      </c>
      <c r="E54" s="328">
        <v>0</v>
      </c>
      <c r="F54" s="328">
        <v>0</v>
      </c>
      <c r="G54" s="328">
        <v>0</v>
      </c>
      <c r="H54" s="335">
        <v>0</v>
      </c>
      <c r="M54" s="228"/>
      <c r="N54" s="228"/>
      <c r="O54" s="529"/>
      <c r="P54" s="214"/>
    </row>
    <row r="55" spans="1:16" ht="10.5" x14ac:dyDescent="0.2">
      <c r="A55" s="30" t="s">
        <v>186</v>
      </c>
      <c r="B55" s="328">
        <v>38781320.719999999</v>
      </c>
      <c r="C55" s="328">
        <v>53660431.979999997</v>
      </c>
      <c r="D55" s="328">
        <v>41792186.060000002</v>
      </c>
      <c r="E55" s="328">
        <v>38853775.020000003</v>
      </c>
      <c r="F55" s="328">
        <v>62609351.170000002</v>
      </c>
      <c r="G55" s="328">
        <v>498426591.31000006</v>
      </c>
      <c r="H55" s="319">
        <v>447593100</v>
      </c>
      <c r="O55" s="215"/>
      <c r="P55" s="216"/>
    </row>
    <row r="56" spans="1:16" ht="10.5" x14ac:dyDescent="0.2">
      <c r="A56" s="30" t="s">
        <v>182</v>
      </c>
      <c r="B56" s="328">
        <v>201461174.72999999</v>
      </c>
      <c r="C56" s="328">
        <v>186584703.68000001</v>
      </c>
      <c r="D56" s="328">
        <v>241546452.93000001</v>
      </c>
      <c r="E56" s="328">
        <v>225554294.39000002</v>
      </c>
      <c r="F56" s="328">
        <v>240628159.74000001</v>
      </c>
      <c r="G56" s="328">
        <v>2603159650.73</v>
      </c>
      <c r="H56" s="335">
        <v>3212642800</v>
      </c>
      <c r="O56" s="215"/>
      <c r="P56" s="216"/>
    </row>
    <row r="57" spans="1:16" ht="10.5" x14ac:dyDescent="0.2">
      <c r="A57" s="30" t="s">
        <v>423</v>
      </c>
      <c r="B57" s="328">
        <v>76962691.120000005</v>
      </c>
      <c r="C57" s="328">
        <v>64164274.240000002</v>
      </c>
      <c r="D57" s="328">
        <v>73029577.859999999</v>
      </c>
      <c r="E57" s="328">
        <v>82456126.079999998</v>
      </c>
      <c r="F57" s="328">
        <v>94815083.159999996</v>
      </c>
      <c r="G57" s="328">
        <v>1017409869</v>
      </c>
      <c r="H57" s="319">
        <v>1070500000</v>
      </c>
      <c r="O57" s="215"/>
      <c r="P57" s="216"/>
    </row>
    <row r="58" spans="1:16" ht="10.5" x14ac:dyDescent="0.2">
      <c r="A58" s="30" t="s">
        <v>424</v>
      </c>
      <c r="B58" s="328">
        <v>1504729.69</v>
      </c>
      <c r="C58" s="328">
        <v>1504729.69</v>
      </c>
      <c r="D58" s="328">
        <v>1504729.69</v>
      </c>
      <c r="E58" s="328">
        <v>1504729.69</v>
      </c>
      <c r="F58" s="328">
        <v>1504729.69</v>
      </c>
      <c r="G58" s="328">
        <v>18056756.269999996</v>
      </c>
      <c r="H58" s="319">
        <v>18100000</v>
      </c>
      <c r="O58" s="215"/>
      <c r="P58" s="216"/>
    </row>
    <row r="59" spans="1:16" ht="10.5" x14ac:dyDescent="0.2">
      <c r="A59" s="30" t="s">
        <v>425</v>
      </c>
      <c r="B59" s="328">
        <v>7251063.7300000004</v>
      </c>
      <c r="C59" s="328">
        <v>7230465.2699999996</v>
      </c>
      <c r="D59" s="328">
        <v>8386749.8300000001</v>
      </c>
      <c r="E59" s="328">
        <v>7641073.2000000002</v>
      </c>
      <c r="F59" s="328">
        <v>7545093.4199999999</v>
      </c>
      <c r="G59" s="328">
        <v>91455207.060000002</v>
      </c>
      <c r="H59" s="319">
        <v>70200000</v>
      </c>
      <c r="O59" s="215"/>
      <c r="P59" s="216"/>
    </row>
    <row r="60" spans="1:16" ht="10.5" x14ac:dyDescent="0.2">
      <c r="A60" s="30" t="s">
        <v>426</v>
      </c>
      <c r="B60" s="328">
        <v>68285020.739999995</v>
      </c>
      <c r="C60" s="328">
        <v>64494737.859999999</v>
      </c>
      <c r="D60" s="328">
        <v>73627497.010000005</v>
      </c>
      <c r="E60" s="328">
        <v>72069756.829999998</v>
      </c>
      <c r="F60" s="328">
        <v>72920154.700000003</v>
      </c>
      <c r="G60" s="328">
        <v>854671901.80000007</v>
      </c>
      <c r="H60" s="319">
        <v>927764000</v>
      </c>
      <c r="O60" s="215"/>
      <c r="P60" s="216"/>
    </row>
    <row r="61" spans="1:16" ht="10.5" x14ac:dyDescent="0.2">
      <c r="A61" s="30" t="s">
        <v>427</v>
      </c>
      <c r="B61" s="328">
        <v>47457669.449999988</v>
      </c>
      <c r="C61" s="328">
        <v>49190496.620000005</v>
      </c>
      <c r="D61" s="328">
        <v>84997898.540000007</v>
      </c>
      <c r="E61" s="328">
        <v>61882608.590000004</v>
      </c>
      <c r="F61" s="328">
        <v>63843098.770000003</v>
      </c>
      <c r="G61" s="328">
        <v>621565916.60000002</v>
      </c>
      <c r="H61" s="319">
        <v>1126078800</v>
      </c>
      <c r="O61" s="215"/>
      <c r="P61" s="216"/>
    </row>
    <row r="62" spans="1:16" ht="10.5" x14ac:dyDescent="0.2">
      <c r="A62" s="30" t="s">
        <v>183</v>
      </c>
      <c r="B62" s="328">
        <v>13589846.07</v>
      </c>
      <c r="C62" s="328">
        <v>12671137.789999999</v>
      </c>
      <c r="D62" s="328">
        <v>9153373.8000000007</v>
      </c>
      <c r="E62" s="328">
        <v>12771526.27</v>
      </c>
      <c r="F62" s="328">
        <v>13912584.51</v>
      </c>
      <c r="G62" s="328">
        <v>134214949.58</v>
      </c>
      <c r="H62" s="319">
        <v>163748100</v>
      </c>
      <c r="O62" s="215"/>
      <c r="P62" s="216"/>
    </row>
    <row r="63" spans="1:16" s="73" customFormat="1" ht="10.5" x14ac:dyDescent="0.2">
      <c r="A63" s="139" t="s">
        <v>184</v>
      </c>
      <c r="B63" s="349">
        <v>317775144.68000001</v>
      </c>
      <c r="C63" s="349">
        <v>287324973.38</v>
      </c>
      <c r="D63" s="349">
        <v>294352118.26999998</v>
      </c>
      <c r="E63" s="349">
        <v>307179950.60000002</v>
      </c>
      <c r="F63" s="349">
        <v>285524597.54000002</v>
      </c>
      <c r="G63" s="349">
        <v>3673815966.8800001</v>
      </c>
      <c r="H63" s="332">
        <v>3679400000</v>
      </c>
      <c r="I63" s="166"/>
      <c r="O63" s="216"/>
      <c r="P63" s="216"/>
    </row>
    <row r="64" spans="1:16" ht="10.5" x14ac:dyDescent="0.2">
      <c r="A64" s="30" t="s">
        <v>185</v>
      </c>
      <c r="B64" s="328">
        <v>165483795.09999999</v>
      </c>
      <c r="C64" s="328">
        <v>160848038.90000001</v>
      </c>
      <c r="D64" s="328">
        <v>162234780.44999999</v>
      </c>
      <c r="E64" s="328">
        <v>157568838.93000001</v>
      </c>
      <c r="F64" s="328">
        <v>133428566.73999999</v>
      </c>
      <c r="G64" s="328">
        <v>1998591751.1500001</v>
      </c>
      <c r="H64" s="319">
        <v>1981032100</v>
      </c>
      <c r="O64" s="215"/>
      <c r="P64" s="216"/>
    </row>
    <row r="65" spans="1:16" ht="10.5" x14ac:dyDescent="0.2">
      <c r="A65" s="30" t="s">
        <v>366</v>
      </c>
      <c r="B65" s="328">
        <v>41146004.380000003</v>
      </c>
      <c r="C65" s="328">
        <v>21177747.449999999</v>
      </c>
      <c r="D65" s="328">
        <v>24721524.100000001</v>
      </c>
      <c r="E65" s="328">
        <v>41639238.020000003</v>
      </c>
      <c r="F65" s="328">
        <v>38210958.350000001</v>
      </c>
      <c r="G65" s="328">
        <v>347286926.56999999</v>
      </c>
      <c r="H65" s="319">
        <v>361921900</v>
      </c>
      <c r="O65" s="215"/>
      <c r="P65" s="216"/>
    </row>
    <row r="66" spans="1:16" ht="10.5" x14ac:dyDescent="0.2">
      <c r="A66" s="30" t="s">
        <v>428</v>
      </c>
      <c r="B66" s="328">
        <v>125720.15</v>
      </c>
      <c r="C66" s="328">
        <v>0</v>
      </c>
      <c r="D66" s="328">
        <v>0</v>
      </c>
      <c r="E66" s="328">
        <v>189831.03</v>
      </c>
      <c r="F66" s="328">
        <v>0</v>
      </c>
      <c r="G66" s="328">
        <v>618838.44000000006</v>
      </c>
      <c r="H66" s="319">
        <v>26829000</v>
      </c>
      <c r="O66" s="215"/>
      <c r="P66" s="216"/>
    </row>
    <row r="67" spans="1:16" ht="10.5" x14ac:dyDescent="0.2">
      <c r="A67" s="30" t="s">
        <v>223</v>
      </c>
      <c r="B67" s="568">
        <v>-32449.88</v>
      </c>
      <c r="C67" s="568">
        <v>-7556</v>
      </c>
      <c r="D67" s="328">
        <v>0</v>
      </c>
      <c r="E67" s="568">
        <v>0</v>
      </c>
      <c r="F67" s="328">
        <v>0</v>
      </c>
      <c r="G67" s="328">
        <v>893767.9</v>
      </c>
      <c r="H67" s="319">
        <v>7820000</v>
      </c>
      <c r="O67" s="215"/>
      <c r="P67" s="216"/>
    </row>
    <row r="68" spans="1:16" s="73" customFormat="1" ht="10.5" x14ac:dyDescent="0.2">
      <c r="A68" s="30" t="s">
        <v>226</v>
      </c>
      <c r="B68" s="328">
        <v>111052074.93000001</v>
      </c>
      <c r="C68" s="328">
        <v>105306743.03</v>
      </c>
      <c r="D68" s="328">
        <v>107395813.72</v>
      </c>
      <c r="E68" s="328">
        <v>107782042.62</v>
      </c>
      <c r="F68" s="328">
        <v>113885072.45</v>
      </c>
      <c r="G68" s="328">
        <v>1326424682.8199999</v>
      </c>
      <c r="H68" s="319">
        <v>1301797000</v>
      </c>
      <c r="I68" s="228"/>
      <c r="J68" s="289"/>
      <c r="K68" s="289"/>
      <c r="L68" s="289"/>
      <c r="O68" s="216"/>
      <c r="P68" s="216"/>
    </row>
    <row r="69" spans="1:16" s="73" customFormat="1" ht="15" customHeight="1" x14ac:dyDescent="0.2">
      <c r="A69" s="28" t="s">
        <v>234</v>
      </c>
      <c r="B69" s="351">
        <v>681477519.47000003</v>
      </c>
      <c r="C69" s="350">
        <v>688524893.60000002</v>
      </c>
      <c r="D69" s="351">
        <v>723009563.61999989</v>
      </c>
      <c r="E69" s="350">
        <v>713945835.92999983</v>
      </c>
      <c r="F69" s="351">
        <v>819531624.41000009</v>
      </c>
      <c r="G69" s="351">
        <v>8320781588.8699999</v>
      </c>
      <c r="H69" s="350">
        <v>8789724900</v>
      </c>
      <c r="I69" s="166"/>
      <c r="O69" s="216"/>
      <c r="P69" s="216"/>
    </row>
    <row r="70" spans="1:16" ht="10.5" x14ac:dyDescent="0.2">
      <c r="A70" s="81" t="s">
        <v>863</v>
      </c>
      <c r="B70" s="356"/>
      <c r="C70" s="356"/>
      <c r="D70" s="356"/>
      <c r="E70" s="356"/>
      <c r="F70" s="356"/>
      <c r="G70" s="356"/>
      <c r="H70" s="357"/>
    </row>
    <row r="72" spans="1:16" ht="11.25" customHeight="1" x14ac:dyDescent="0.2">
      <c r="G72" s="334"/>
    </row>
    <row r="80" spans="1:16" s="50" customFormat="1" ht="11.25" customHeight="1" x14ac:dyDescent="0.2"/>
    <row r="81" s="50" customFormat="1" ht="11.25" customHeight="1" x14ac:dyDescent="0.2"/>
    <row r="82" s="50" customFormat="1" ht="11.25" customHeight="1" x14ac:dyDescent="0.2"/>
    <row r="83" s="50" customFormat="1" ht="11.25" customHeight="1" x14ac:dyDescent="0.2"/>
    <row r="84" s="50" customFormat="1" ht="11.25" customHeight="1" x14ac:dyDescent="0.2"/>
    <row r="85" s="50" customFormat="1" ht="11.25" customHeight="1" x14ac:dyDescent="0.2"/>
    <row r="86" s="50" customFormat="1" ht="11.25" customHeight="1" x14ac:dyDescent="0.2"/>
  </sheetData>
  <customSheetViews>
    <customSheetView guid="{6DBFA32C-4AA4-4E1D-9A48-697377C64CC3}" showPageBreaks="1" showGridLines="0" fitToPage="1" printArea="1" topLeftCell="A28">
      <selection activeCell="A70" sqref="A70"/>
      <pageMargins left="0.39370078740157483" right="0.39370078740157483" top="0.59055118110236227" bottom="0.59055118110236227" header="0" footer="0"/>
      <printOptions horizontalCentered="1"/>
      <pageSetup paperSize="9" scale="54" orientation="portrait" r:id="rId1"/>
      <headerFooter alignWithMargins="0"/>
    </customSheetView>
    <customSheetView guid="{25EF1E0D-169B-4051-B414-7E1196FC05E4}" showPageBreaks="1" showGridLines="0" fitToPage="1" printArea="1" topLeftCell="A40">
      <selection activeCell="A71" sqref="A71:XFD71"/>
      <pageMargins left="0.19685039370078741" right="0.39370078740157483" top="0.19685039370078741" bottom="0.19685039370078741" header="0" footer="0"/>
      <printOptions horizontalCentered="1"/>
      <pageSetup paperSize="9" scale="54" orientation="portrait" r:id="rId2"/>
      <headerFooter alignWithMargins="0"/>
    </customSheetView>
    <customSheetView guid="{82EDB5A4-4824-4632-A540-7A52C92F04C7}" showPageBreaks="1" showGridLines="0" printArea="1" topLeftCell="A36">
      <pane xSplit="1" ySplit="8" topLeftCell="B55" activePane="bottomRight" state="frozen"/>
      <selection pane="bottomRight" activeCell="G72" sqref="G72"/>
      <pageMargins left="0.39370078740157483" right="0.39370078740157483" top="0.59055118110236227" bottom="0.59055118110236227" header="0" footer="0"/>
      <printOptions horizontalCentered="1"/>
      <pageSetup paperSize="9" scale="65" orientation="landscape" r:id="rId3"/>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4"/>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5"/>
      <headerFooter alignWithMargins="0"/>
    </customSheetView>
    <customSheetView guid="{3AAF6A5F-F9AA-430B-9AD9-1261ECDF41B5}" showPageBreaks="1" showGridLines="0" fitToPage="1" printArea="1" topLeftCell="B40">
      <selection activeCell="F69" sqref="F69"/>
      <pageMargins left="0.19685039370078741" right="0.19685039370078741" top="0.59055118110236227" bottom="0.19685039370078741" header="0" footer="0"/>
      <printOptions horizontalCentered="1"/>
      <pageSetup paperSize="9" scale="56" orientation="portrait" r:id="rId6"/>
      <headerFooter alignWithMargins="0"/>
    </customSheetView>
    <customSheetView guid="{C779D862-DE28-46CD-A428-4AAA1056D1E1}" showGridLines="0" fitToPage="1" topLeftCell="A46">
      <selection activeCell="B45" sqref="B45:C45"/>
      <pageMargins left="0.19685039370078741" right="0.19685039370078741" top="0.59055118110236227" bottom="0.19685039370078741" header="0" footer="0"/>
      <printOptions horizontalCentered="1"/>
      <pageSetup paperSize="9" scale="56" orientation="portrait" r:id="rId7"/>
      <headerFooter alignWithMargins="0"/>
    </customSheetView>
  </customSheetViews>
  <mergeCells count="8">
    <mergeCell ref="B10:H11"/>
    <mergeCell ref="B41:F42"/>
    <mergeCell ref="A39:H39"/>
    <mergeCell ref="A3:H3"/>
    <mergeCell ref="A4:H4"/>
    <mergeCell ref="A5:H5"/>
    <mergeCell ref="A6:H6"/>
    <mergeCell ref="A7:H7"/>
  </mergeCells>
  <printOptions horizontalCentered="1"/>
  <pageMargins left="0.19685039370078741" right="0.19685039370078741" top="0.59055118110236227" bottom="0.19685039370078741" header="0" footer="0"/>
  <pageSetup paperSize="9" scale="55" orientation="portrait" r:id="rId8"/>
  <headerFooter alignWithMargins="0"/>
  <drawing r:id="rId9"/>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J136"/>
  <sheetViews>
    <sheetView showGridLines="0" zoomScaleNormal="100" workbookViewId="0">
      <selection activeCell="B13" sqref="B13:C13"/>
    </sheetView>
  </sheetViews>
  <sheetFormatPr defaultColWidth="7.85546875" defaultRowHeight="11.25" customHeight="1" x14ac:dyDescent="0.2"/>
  <cols>
    <col min="1" max="1" width="71.28515625" style="191" customWidth="1"/>
    <col min="2" max="3" width="21.85546875" style="191" bestFit="1" customWidth="1"/>
    <col min="4" max="5" width="19.140625" style="191" bestFit="1" customWidth="1"/>
    <col min="6" max="6" width="19.85546875" style="190" bestFit="1" customWidth="1"/>
    <col min="7" max="7" width="19.140625" style="191" bestFit="1" customWidth="1"/>
    <col min="8" max="8" width="17.5703125" style="191" bestFit="1" customWidth="1"/>
    <col min="9" max="9" width="17.5703125" style="190" bestFit="1" customWidth="1"/>
    <col min="10" max="10" width="21.28515625" style="228" customWidth="1"/>
    <col min="11" max="16384" width="7.85546875" style="191"/>
  </cols>
  <sheetData>
    <row r="1" spans="1:10" s="27" customFormat="1" ht="10.5" x14ac:dyDescent="0.2">
      <c r="A1" s="318"/>
      <c r="B1" s="318"/>
      <c r="C1" s="318"/>
      <c r="D1" s="318"/>
      <c r="E1" s="318"/>
      <c r="F1" s="318"/>
      <c r="G1" s="318"/>
      <c r="H1" s="318"/>
      <c r="I1" s="318"/>
      <c r="J1" s="122"/>
    </row>
    <row r="2" spans="1:10" s="27" customFormat="1" ht="11.25" customHeight="1" x14ac:dyDescent="0.2">
      <c r="A2" s="192"/>
      <c r="F2" s="122"/>
      <c r="I2" s="122"/>
      <c r="J2" s="122"/>
    </row>
    <row r="3" spans="1:10" s="50" customFormat="1" ht="11.25" customHeight="1" x14ac:dyDescent="0.2">
      <c r="A3" s="864" t="s">
        <v>641</v>
      </c>
      <c r="B3" s="864"/>
      <c r="C3" s="864"/>
      <c r="D3" s="864"/>
      <c r="E3" s="864"/>
      <c r="F3" s="864"/>
      <c r="G3" s="864"/>
      <c r="H3" s="864"/>
      <c r="I3" s="864"/>
      <c r="J3" s="63"/>
    </row>
    <row r="4" spans="1:10" s="50" customFormat="1" ht="11.25" customHeight="1" x14ac:dyDescent="0.2">
      <c r="A4" s="864" t="s">
        <v>105</v>
      </c>
      <c r="B4" s="864"/>
      <c r="C4" s="864"/>
      <c r="D4" s="864"/>
      <c r="E4" s="864"/>
      <c r="F4" s="864"/>
      <c r="G4" s="864"/>
      <c r="H4" s="864"/>
      <c r="I4" s="864"/>
      <c r="J4" s="63"/>
    </row>
    <row r="5" spans="1:10" s="50" customFormat="1" ht="11.25" customHeight="1" x14ac:dyDescent="0.2">
      <c r="A5" s="864" t="s">
        <v>127</v>
      </c>
      <c r="B5" s="864"/>
      <c r="C5" s="864"/>
      <c r="D5" s="864"/>
      <c r="E5" s="864"/>
      <c r="F5" s="864"/>
      <c r="G5" s="864"/>
      <c r="H5" s="864"/>
      <c r="I5" s="864"/>
      <c r="J5" s="63"/>
    </row>
    <row r="6" spans="1:10" s="50" customFormat="1" ht="11.25" customHeight="1" x14ac:dyDescent="0.2">
      <c r="A6" s="899" t="s">
        <v>746</v>
      </c>
      <c r="B6" s="899"/>
      <c r="C6" s="899"/>
      <c r="D6" s="899"/>
      <c r="E6" s="899"/>
      <c r="F6" s="899"/>
      <c r="G6" s="899"/>
      <c r="H6" s="899"/>
      <c r="I6" s="899"/>
      <c r="J6" s="63"/>
    </row>
    <row r="7" spans="1:10" s="50" customFormat="1" ht="11.25" customHeight="1" x14ac:dyDescent="0.2">
      <c r="A7" s="864" t="s">
        <v>881</v>
      </c>
      <c r="B7" s="864"/>
      <c r="C7" s="864"/>
      <c r="D7" s="864"/>
      <c r="E7" s="864"/>
      <c r="F7" s="864"/>
      <c r="G7" s="864"/>
      <c r="H7" s="864"/>
      <c r="I7" s="864"/>
      <c r="J7" s="63"/>
    </row>
    <row r="8" spans="1:10" s="27" customFormat="1" ht="11.25" customHeight="1" x14ac:dyDescent="0.2">
      <c r="F8" s="122"/>
      <c r="I8" s="122"/>
      <c r="J8" s="122"/>
    </row>
    <row r="9" spans="1:10" s="27" customFormat="1" ht="11.25" customHeight="1" x14ac:dyDescent="0.2">
      <c r="A9" s="27" t="s">
        <v>367</v>
      </c>
      <c r="F9" s="985"/>
      <c r="G9" s="985"/>
      <c r="I9" s="239">
        <v>1</v>
      </c>
      <c r="J9" s="122"/>
    </row>
    <row r="10" spans="1:10" s="73" customFormat="1" ht="15" customHeight="1" x14ac:dyDescent="0.15">
      <c r="A10" s="924" t="s">
        <v>110</v>
      </c>
      <c r="B10" s="980" t="s">
        <v>108</v>
      </c>
      <c r="C10" s="981"/>
      <c r="D10" s="980" t="s">
        <v>108</v>
      </c>
      <c r="E10" s="981"/>
      <c r="F10" s="976" t="s">
        <v>109</v>
      </c>
      <c r="G10" s="970"/>
      <c r="H10" s="970"/>
      <c r="I10" s="970"/>
      <c r="J10" s="166"/>
    </row>
    <row r="11" spans="1:10" s="73" customFormat="1" ht="15" customHeight="1" x14ac:dyDescent="0.2">
      <c r="A11" s="927"/>
      <c r="B11" s="950" t="s">
        <v>111</v>
      </c>
      <c r="C11" s="951"/>
      <c r="D11" s="954" t="s">
        <v>112</v>
      </c>
      <c r="E11" s="927"/>
      <c r="F11" s="922" t="s">
        <v>115</v>
      </c>
      <c r="G11" s="924"/>
      <c r="H11" s="922" t="s">
        <v>115</v>
      </c>
      <c r="I11" s="923"/>
      <c r="J11" s="166"/>
    </row>
    <row r="12" spans="1:10" s="73" customFormat="1" ht="15" customHeight="1" x14ac:dyDescent="0.2">
      <c r="A12" s="928"/>
      <c r="B12" s="952"/>
      <c r="C12" s="953"/>
      <c r="D12" s="955"/>
      <c r="E12" s="928"/>
      <c r="F12" s="950">
        <v>2015</v>
      </c>
      <c r="G12" s="951"/>
      <c r="H12" s="954">
        <v>2014</v>
      </c>
      <c r="I12" s="956"/>
      <c r="J12" s="166"/>
    </row>
    <row r="13" spans="1:10" ht="10.5" x14ac:dyDescent="0.2">
      <c r="A13" s="166" t="s">
        <v>282</v>
      </c>
      <c r="B13" s="845">
        <v>381570900</v>
      </c>
      <c r="C13" s="884"/>
      <c r="D13" s="845">
        <v>622223389.9000001</v>
      </c>
      <c r="E13" s="884"/>
      <c r="F13" s="845">
        <v>347989835.34000003</v>
      </c>
      <c r="G13" s="884"/>
      <c r="H13" s="845">
        <v>376572270.09999996</v>
      </c>
      <c r="I13" s="846"/>
      <c r="J13" s="529"/>
    </row>
    <row r="14" spans="1:10" ht="10.5" x14ac:dyDescent="0.2">
      <c r="A14" s="166" t="s">
        <v>8</v>
      </c>
      <c r="B14" s="851">
        <v>381570900</v>
      </c>
      <c r="C14" s="887">
        <v>0</v>
      </c>
      <c r="D14" s="851">
        <v>622223389.9000001</v>
      </c>
      <c r="E14" s="887">
        <v>0</v>
      </c>
      <c r="F14" s="851">
        <v>347989835.34000003</v>
      </c>
      <c r="G14" s="887">
        <v>0</v>
      </c>
      <c r="H14" s="851">
        <v>376572270.09999996</v>
      </c>
      <c r="I14" s="852"/>
      <c r="J14" s="529"/>
    </row>
    <row r="15" spans="1:10" ht="10.5" x14ac:dyDescent="0.2">
      <c r="A15" s="191" t="s">
        <v>128</v>
      </c>
      <c r="B15" s="835">
        <v>373750900</v>
      </c>
      <c r="C15" s="888">
        <v>0</v>
      </c>
      <c r="D15" s="835">
        <v>586297703.44000006</v>
      </c>
      <c r="E15" s="888">
        <v>0</v>
      </c>
      <c r="F15" s="835">
        <v>318996250.98000002</v>
      </c>
      <c r="G15" s="888">
        <v>0</v>
      </c>
      <c r="H15" s="835">
        <v>328168200.89999998</v>
      </c>
      <c r="I15" s="836"/>
      <c r="J15" s="529"/>
    </row>
    <row r="16" spans="1:10" ht="10.5" x14ac:dyDescent="0.2">
      <c r="A16" s="191" t="s">
        <v>283</v>
      </c>
      <c r="B16" s="835">
        <v>126921900</v>
      </c>
      <c r="C16" s="888">
        <v>0</v>
      </c>
      <c r="D16" s="835">
        <v>339468703.44</v>
      </c>
      <c r="E16" s="888">
        <v>0</v>
      </c>
      <c r="F16" s="835">
        <v>272091835.30000001</v>
      </c>
      <c r="G16" s="888">
        <v>0</v>
      </c>
      <c r="H16" s="835">
        <v>272592132.01999998</v>
      </c>
      <c r="I16" s="836"/>
      <c r="J16" s="529"/>
    </row>
    <row r="17" spans="1:10" ht="10.5" x14ac:dyDescent="0.2">
      <c r="A17" s="191" t="s">
        <v>129</v>
      </c>
      <c r="B17" s="835">
        <v>0</v>
      </c>
      <c r="C17" s="888"/>
      <c r="D17" s="835">
        <v>212546803.44</v>
      </c>
      <c r="E17" s="888"/>
      <c r="F17" s="835">
        <v>212546803.44</v>
      </c>
      <c r="G17" s="888"/>
      <c r="H17" s="835">
        <v>211811599.13999999</v>
      </c>
      <c r="I17" s="836"/>
      <c r="J17" s="529"/>
    </row>
    <row r="18" spans="1:10" ht="10.5" x14ac:dyDescent="0.2">
      <c r="A18" s="191" t="s">
        <v>130</v>
      </c>
      <c r="B18" s="835">
        <v>86921900</v>
      </c>
      <c r="C18" s="888"/>
      <c r="D18" s="835">
        <v>86921900</v>
      </c>
      <c r="E18" s="888"/>
      <c r="F18" s="835">
        <v>49323758.049999997</v>
      </c>
      <c r="G18" s="888"/>
      <c r="H18" s="835">
        <v>49295748.509999998</v>
      </c>
      <c r="I18" s="836"/>
      <c r="J18" s="529"/>
    </row>
    <row r="19" spans="1:10" ht="10.5" x14ac:dyDescent="0.2">
      <c r="A19" s="191" t="s">
        <v>131</v>
      </c>
      <c r="B19" s="835">
        <v>40000000</v>
      </c>
      <c r="C19" s="888"/>
      <c r="D19" s="835">
        <v>40000000</v>
      </c>
      <c r="E19" s="888"/>
      <c r="F19" s="835">
        <v>10221273.810000001</v>
      </c>
      <c r="G19" s="888"/>
      <c r="H19" s="835">
        <v>11484784.369999999</v>
      </c>
      <c r="I19" s="836"/>
      <c r="J19" s="529"/>
    </row>
    <row r="20" spans="1:10" ht="10.5" x14ac:dyDescent="0.2">
      <c r="A20" s="191" t="s">
        <v>284</v>
      </c>
      <c r="B20" s="835">
        <v>246829000</v>
      </c>
      <c r="C20" s="888">
        <v>0</v>
      </c>
      <c r="D20" s="835">
        <v>246829000</v>
      </c>
      <c r="E20" s="888">
        <v>0</v>
      </c>
      <c r="F20" s="835">
        <v>46904415.679999992</v>
      </c>
      <c r="G20" s="888">
        <v>0</v>
      </c>
      <c r="H20" s="835">
        <v>55576068.879999995</v>
      </c>
      <c r="I20" s="836"/>
      <c r="J20" s="529"/>
    </row>
    <row r="21" spans="1:10" ht="10.5" x14ac:dyDescent="0.2">
      <c r="A21" s="191" t="s">
        <v>132</v>
      </c>
      <c r="B21" s="835">
        <v>170000000</v>
      </c>
      <c r="C21" s="888"/>
      <c r="D21" s="835">
        <v>170000000</v>
      </c>
      <c r="E21" s="888"/>
      <c r="F21" s="835">
        <v>36720508.349999994</v>
      </c>
      <c r="G21" s="888"/>
      <c r="H21" s="835">
        <v>45416148.659999996</v>
      </c>
      <c r="I21" s="836"/>
      <c r="J21" s="529"/>
    </row>
    <row r="22" spans="1:10" ht="10.5" x14ac:dyDescent="0.2">
      <c r="A22" s="191" t="s">
        <v>133</v>
      </c>
      <c r="B22" s="835">
        <v>50000000</v>
      </c>
      <c r="C22" s="888"/>
      <c r="D22" s="835">
        <v>50000000</v>
      </c>
      <c r="E22" s="888"/>
      <c r="F22" s="835">
        <v>9565068.8900000006</v>
      </c>
      <c r="G22" s="888"/>
      <c r="H22" s="835">
        <v>9649340.9700000007</v>
      </c>
      <c r="I22" s="836"/>
      <c r="J22" s="529"/>
    </row>
    <row r="23" spans="1:10" ht="10.5" x14ac:dyDescent="0.2">
      <c r="A23" s="191" t="s">
        <v>747</v>
      </c>
      <c r="B23" s="835">
        <v>26829000</v>
      </c>
      <c r="C23" s="888"/>
      <c r="D23" s="835">
        <v>26829000</v>
      </c>
      <c r="E23" s="888"/>
      <c r="F23" s="835">
        <v>618838.43999999994</v>
      </c>
      <c r="G23" s="888"/>
      <c r="H23" s="835">
        <v>510579.25</v>
      </c>
      <c r="I23" s="836"/>
      <c r="J23" s="529"/>
    </row>
    <row r="24" spans="1:10" ht="10.5" x14ac:dyDescent="0.2">
      <c r="A24" s="191" t="s">
        <v>155</v>
      </c>
      <c r="B24" s="835">
        <v>0</v>
      </c>
      <c r="C24" s="888"/>
      <c r="D24" s="835">
        <v>4565751.79</v>
      </c>
      <c r="E24" s="888"/>
      <c r="F24" s="835">
        <v>4565751.79</v>
      </c>
      <c r="G24" s="888"/>
      <c r="H24" s="835">
        <v>852626.94</v>
      </c>
      <c r="I24" s="836"/>
      <c r="J24" s="529"/>
    </row>
    <row r="25" spans="1:10" ht="10.5" x14ac:dyDescent="0.2">
      <c r="A25" s="191" t="s">
        <v>312</v>
      </c>
      <c r="B25" s="835">
        <v>0</v>
      </c>
      <c r="C25" s="888">
        <v>0</v>
      </c>
      <c r="D25" s="835">
        <v>18939232.709999997</v>
      </c>
      <c r="E25" s="888">
        <v>0</v>
      </c>
      <c r="F25" s="835">
        <v>18939232.709999997</v>
      </c>
      <c r="G25" s="888">
        <v>0</v>
      </c>
      <c r="H25" s="835">
        <v>110125.12000000001</v>
      </c>
      <c r="I25" s="836"/>
      <c r="J25" s="529"/>
    </row>
    <row r="26" spans="1:10" ht="10.5" x14ac:dyDescent="0.2">
      <c r="A26" s="191" t="s">
        <v>16</v>
      </c>
      <c r="B26" s="835">
        <v>0</v>
      </c>
      <c r="C26" s="888"/>
      <c r="D26" s="835">
        <v>11831.47</v>
      </c>
      <c r="E26" s="888"/>
      <c r="F26" s="835">
        <v>11831.47</v>
      </c>
      <c r="G26" s="888"/>
      <c r="H26" s="835">
        <v>8999</v>
      </c>
      <c r="I26" s="836"/>
      <c r="J26" s="529"/>
    </row>
    <row r="27" spans="1:10" ht="10.5" x14ac:dyDescent="0.2">
      <c r="A27" s="191" t="s">
        <v>17</v>
      </c>
      <c r="B27" s="835">
        <v>0</v>
      </c>
      <c r="C27" s="888"/>
      <c r="D27" s="835">
        <v>18927401.239999998</v>
      </c>
      <c r="E27" s="888"/>
      <c r="F27" s="835">
        <v>18927401.239999998</v>
      </c>
      <c r="G27" s="888"/>
      <c r="H27" s="835">
        <v>101126.12000000001</v>
      </c>
      <c r="I27" s="836"/>
      <c r="J27" s="529"/>
    </row>
    <row r="28" spans="1:10" ht="10.5" x14ac:dyDescent="0.2">
      <c r="A28" s="191" t="s">
        <v>19</v>
      </c>
      <c r="B28" s="835">
        <v>0</v>
      </c>
      <c r="C28" s="888"/>
      <c r="D28" s="835">
        <v>0</v>
      </c>
      <c r="E28" s="888"/>
      <c r="F28" s="851">
        <v>0</v>
      </c>
      <c r="G28" s="887"/>
      <c r="H28" s="835">
        <v>0</v>
      </c>
      <c r="I28" s="836"/>
      <c r="J28" s="529"/>
    </row>
    <row r="29" spans="1:10" ht="10.5" x14ac:dyDescent="0.2">
      <c r="A29" s="191" t="s">
        <v>227</v>
      </c>
      <c r="B29" s="835">
        <v>0</v>
      </c>
      <c r="C29" s="888"/>
      <c r="D29" s="835">
        <v>0</v>
      </c>
      <c r="E29" s="888"/>
      <c r="F29" s="851">
        <v>0</v>
      </c>
      <c r="G29" s="887"/>
      <c r="H29" s="835">
        <v>0</v>
      </c>
      <c r="I29" s="836"/>
      <c r="J29" s="529"/>
    </row>
    <row r="30" spans="1:10" ht="10.5" x14ac:dyDescent="0.2">
      <c r="A30" s="61" t="s">
        <v>285</v>
      </c>
      <c r="B30" s="835">
        <v>7820000</v>
      </c>
      <c r="C30" s="888">
        <v>0</v>
      </c>
      <c r="D30" s="835">
        <v>12420701.960000001</v>
      </c>
      <c r="E30" s="888">
        <v>0</v>
      </c>
      <c r="F30" s="835">
        <v>5488599.8600000003</v>
      </c>
      <c r="G30" s="888">
        <v>0</v>
      </c>
      <c r="H30" s="835">
        <v>47441317.140000001</v>
      </c>
      <c r="I30" s="836"/>
      <c r="J30" s="529"/>
    </row>
    <row r="31" spans="1:10" ht="10.5" x14ac:dyDescent="0.2">
      <c r="A31" s="132" t="s">
        <v>546</v>
      </c>
      <c r="B31" s="835">
        <v>7820000</v>
      </c>
      <c r="C31" s="888"/>
      <c r="D31" s="835">
        <v>7820000</v>
      </c>
      <c r="E31" s="888"/>
      <c r="F31" s="835">
        <v>887897.9</v>
      </c>
      <c r="G31" s="888"/>
      <c r="H31" s="835">
        <v>6285830.6699999999</v>
      </c>
      <c r="I31" s="836"/>
      <c r="J31" s="529"/>
    </row>
    <row r="32" spans="1:10" ht="10.5" x14ac:dyDescent="0.2">
      <c r="A32" s="132" t="s">
        <v>547</v>
      </c>
      <c r="B32" s="835">
        <v>0</v>
      </c>
      <c r="C32" s="888"/>
      <c r="D32" s="835">
        <v>4600701.96</v>
      </c>
      <c r="E32" s="888"/>
      <c r="F32" s="835">
        <v>4600701.96</v>
      </c>
      <c r="G32" s="888"/>
      <c r="H32" s="835">
        <v>41155486.469999999</v>
      </c>
      <c r="I32" s="836"/>
      <c r="J32" s="529"/>
    </row>
    <row r="33" spans="1:10" ht="10.5" x14ac:dyDescent="0.2">
      <c r="A33" s="167" t="s">
        <v>40</v>
      </c>
      <c r="B33" s="835">
        <v>0</v>
      </c>
      <c r="C33" s="888">
        <v>0</v>
      </c>
      <c r="D33" s="835">
        <v>0</v>
      </c>
      <c r="E33" s="888"/>
      <c r="F33" s="851">
        <v>0</v>
      </c>
      <c r="G33" s="887">
        <v>0</v>
      </c>
      <c r="H33" s="835">
        <v>0</v>
      </c>
      <c r="I33" s="836"/>
      <c r="J33" s="529"/>
    </row>
    <row r="34" spans="1:10" ht="10.5" x14ac:dyDescent="0.2">
      <c r="A34" s="132" t="s">
        <v>120</v>
      </c>
      <c r="B34" s="835">
        <v>0</v>
      </c>
      <c r="C34" s="888"/>
      <c r="D34" s="835">
        <v>0</v>
      </c>
      <c r="E34" s="888"/>
      <c r="F34" s="851">
        <v>0</v>
      </c>
      <c r="G34" s="887"/>
      <c r="H34" s="835">
        <v>0</v>
      </c>
      <c r="I34" s="836"/>
      <c r="J34" s="529"/>
    </row>
    <row r="35" spans="1:10" ht="10.5" x14ac:dyDescent="0.2">
      <c r="A35" s="191" t="s">
        <v>228</v>
      </c>
      <c r="B35" s="835">
        <v>0</v>
      </c>
      <c r="C35" s="888"/>
      <c r="D35" s="835">
        <v>0</v>
      </c>
      <c r="E35" s="888"/>
      <c r="F35" s="851">
        <v>0</v>
      </c>
      <c r="G35" s="887"/>
      <c r="H35" s="835">
        <v>0</v>
      </c>
      <c r="I35" s="836"/>
      <c r="J35" s="529"/>
    </row>
    <row r="36" spans="1:10" ht="10.5" x14ac:dyDescent="0.2">
      <c r="A36" s="132" t="s">
        <v>286</v>
      </c>
      <c r="B36" s="835">
        <v>0</v>
      </c>
      <c r="C36" s="888"/>
      <c r="D36" s="835">
        <v>0</v>
      </c>
      <c r="E36" s="888"/>
      <c r="F36" s="851">
        <v>0</v>
      </c>
      <c r="G36" s="887"/>
      <c r="H36" s="835">
        <v>0</v>
      </c>
      <c r="I36" s="836"/>
      <c r="J36" s="529"/>
    </row>
    <row r="37" spans="1:10" s="73" customFormat="1" ht="10.5" x14ac:dyDescent="0.2">
      <c r="B37" s="835"/>
      <c r="C37" s="888"/>
      <c r="D37" s="835"/>
      <c r="E37" s="888"/>
      <c r="F37" s="851"/>
      <c r="G37" s="887"/>
      <c r="H37" s="835">
        <v>0</v>
      </c>
      <c r="I37" s="836"/>
      <c r="J37" s="799"/>
    </row>
    <row r="38" spans="1:10" ht="15" customHeight="1" x14ac:dyDescent="0.2">
      <c r="A38" s="168" t="s">
        <v>548</v>
      </c>
      <c r="B38" s="893">
        <v>914247000</v>
      </c>
      <c r="C38" s="984"/>
      <c r="D38" s="893">
        <v>1089559218.2</v>
      </c>
      <c r="E38" s="984"/>
      <c r="F38" s="893">
        <v>504759578.79000008</v>
      </c>
      <c r="G38" s="984"/>
      <c r="H38" s="893">
        <v>519250804.56</v>
      </c>
      <c r="I38" s="894"/>
      <c r="J38" s="529"/>
    </row>
    <row r="39" spans="1:10" ht="15" customHeight="1" x14ac:dyDescent="0.2">
      <c r="A39" s="133" t="s">
        <v>766</v>
      </c>
      <c r="B39" s="860">
        <v>1295817900</v>
      </c>
      <c r="C39" s="960">
        <v>0</v>
      </c>
      <c r="D39" s="860">
        <v>1711782608.1000001</v>
      </c>
      <c r="E39" s="960">
        <v>0</v>
      </c>
      <c r="F39" s="929">
        <v>852749414.13000011</v>
      </c>
      <c r="G39" s="930">
        <v>0</v>
      </c>
      <c r="H39" s="860">
        <v>895823074.65999997</v>
      </c>
      <c r="I39" s="861"/>
      <c r="J39" s="529"/>
    </row>
    <row r="40" spans="1:10" ht="5.0999999999999996" customHeight="1" x14ac:dyDescent="0.2">
      <c r="A40" s="134"/>
      <c r="B40" s="131"/>
      <c r="C40" s="131"/>
      <c r="D40" s="17"/>
      <c r="E40" s="131"/>
      <c r="F40" s="81"/>
      <c r="G40" s="81"/>
      <c r="H40" s="26"/>
      <c r="I40" s="26"/>
    </row>
    <row r="41" spans="1:10" s="73" customFormat="1" ht="25.5" customHeight="1" x14ac:dyDescent="0.15">
      <c r="A41" s="924" t="s">
        <v>160</v>
      </c>
      <c r="B41" s="212" t="s">
        <v>157</v>
      </c>
      <c r="C41" s="212" t="s">
        <v>157</v>
      </c>
      <c r="D41" s="873" t="s">
        <v>158</v>
      </c>
      <c r="E41" s="875"/>
      <c r="F41" s="964" t="s">
        <v>159</v>
      </c>
      <c r="G41" s="963"/>
      <c r="H41" s="964" t="s">
        <v>348</v>
      </c>
      <c r="I41" s="962"/>
      <c r="J41" s="166"/>
    </row>
    <row r="42" spans="1:10" s="73" customFormat="1" ht="15" customHeight="1" x14ac:dyDescent="0.2">
      <c r="A42" s="927"/>
      <c r="B42" s="947" t="s">
        <v>111</v>
      </c>
      <c r="C42" s="947" t="s">
        <v>112</v>
      </c>
      <c r="D42" s="184" t="s">
        <v>115</v>
      </c>
      <c r="E42" s="184" t="s">
        <v>115</v>
      </c>
      <c r="F42" s="184" t="s">
        <v>115</v>
      </c>
      <c r="G42" s="184" t="s">
        <v>115</v>
      </c>
      <c r="H42" s="982" t="s">
        <v>744</v>
      </c>
      <c r="I42" s="976" t="s">
        <v>745</v>
      </c>
      <c r="J42" s="166"/>
    </row>
    <row r="43" spans="1:10" s="73" customFormat="1" ht="15" customHeight="1" x14ac:dyDescent="0.2">
      <c r="A43" s="928"/>
      <c r="B43" s="926"/>
      <c r="C43" s="926"/>
      <c r="D43" s="185">
        <v>2015</v>
      </c>
      <c r="E43" s="186">
        <v>2014</v>
      </c>
      <c r="F43" s="185">
        <v>2015</v>
      </c>
      <c r="G43" s="186">
        <v>2014</v>
      </c>
      <c r="H43" s="983"/>
      <c r="I43" s="952"/>
      <c r="J43" s="166"/>
    </row>
    <row r="44" spans="1:10" ht="10.5" x14ac:dyDescent="0.2">
      <c r="A44" s="169" t="s">
        <v>134</v>
      </c>
      <c r="B44" s="325">
        <v>1545787900</v>
      </c>
      <c r="C44" s="543">
        <v>2117247804.5899999</v>
      </c>
      <c r="D44" s="543">
        <v>2074653696.0299997</v>
      </c>
      <c r="E44" s="543">
        <v>1683805576.3799999</v>
      </c>
      <c r="F44" s="543">
        <v>1870275198.5400002</v>
      </c>
      <c r="G44" s="543">
        <v>1683587223.1700001</v>
      </c>
      <c r="H44" s="543">
        <v>204378497.48999965</v>
      </c>
      <c r="I44" s="543">
        <v>218353.21000000043</v>
      </c>
    </row>
    <row r="45" spans="1:10" ht="10.5" x14ac:dyDescent="0.2">
      <c r="A45" s="73" t="s">
        <v>281</v>
      </c>
      <c r="B45" s="337">
        <v>3171000</v>
      </c>
      <c r="C45" s="542">
        <v>3853143.76</v>
      </c>
      <c r="D45" s="542">
        <v>6594743.0600000005</v>
      </c>
      <c r="E45" s="542">
        <v>1494752.79</v>
      </c>
      <c r="F45" s="542">
        <v>6122226.2000000011</v>
      </c>
      <c r="G45" s="542">
        <v>1494739.9</v>
      </c>
      <c r="H45" s="542">
        <v>472516.8599999994</v>
      </c>
      <c r="I45" s="543">
        <v>12.890000000130385</v>
      </c>
    </row>
    <row r="46" spans="1:10" ht="10.5" x14ac:dyDescent="0.2">
      <c r="A46" s="27" t="s">
        <v>287</v>
      </c>
      <c r="B46" s="327">
        <v>2727700</v>
      </c>
      <c r="C46" s="463">
        <v>3840143.76</v>
      </c>
      <c r="D46" s="463">
        <v>6594743.0600000005</v>
      </c>
      <c r="E46" s="463">
        <v>1457041.79</v>
      </c>
      <c r="F46" s="463">
        <v>6122226.2000000011</v>
      </c>
      <c r="G46" s="463">
        <v>1457028.9</v>
      </c>
      <c r="H46" s="463">
        <v>472516.8599999994</v>
      </c>
      <c r="I46" s="462">
        <v>12.890000000130385</v>
      </c>
    </row>
    <row r="47" spans="1:10" ht="10.5" x14ac:dyDescent="0.2">
      <c r="A47" s="27" t="s">
        <v>288</v>
      </c>
      <c r="B47" s="327">
        <v>443300</v>
      </c>
      <c r="C47" s="463">
        <v>13000</v>
      </c>
      <c r="D47" s="463">
        <v>0</v>
      </c>
      <c r="E47" s="463">
        <v>37711</v>
      </c>
      <c r="F47" s="463">
        <v>0</v>
      </c>
      <c r="G47" s="463">
        <v>37711</v>
      </c>
      <c r="H47" s="463">
        <v>0</v>
      </c>
      <c r="I47" s="462">
        <v>0</v>
      </c>
    </row>
    <row r="48" spans="1:10" ht="10.5" x14ac:dyDescent="0.2">
      <c r="A48" s="318" t="s">
        <v>135</v>
      </c>
      <c r="B48" s="337">
        <v>1542616900</v>
      </c>
      <c r="C48" s="542">
        <v>2113394660.8299999</v>
      </c>
      <c r="D48" s="542">
        <v>2068058952.9699998</v>
      </c>
      <c r="E48" s="542">
        <v>1682310823.5899999</v>
      </c>
      <c r="F48" s="542">
        <v>1864152972.3400002</v>
      </c>
      <c r="G48" s="542">
        <v>1682092483.27</v>
      </c>
      <c r="H48" s="542">
        <v>203905980.62999967</v>
      </c>
      <c r="I48" s="543">
        <v>218340.3200000003</v>
      </c>
    </row>
    <row r="49" spans="1:10" ht="10.5" x14ac:dyDescent="0.2">
      <c r="A49" s="27" t="s">
        <v>201</v>
      </c>
      <c r="B49" s="327">
        <v>1497784900</v>
      </c>
      <c r="C49" s="463">
        <v>1798978643.7199998</v>
      </c>
      <c r="D49" s="463">
        <v>1755420468.78</v>
      </c>
      <c r="E49" s="463">
        <v>1431918798.3099999</v>
      </c>
      <c r="F49" s="463">
        <v>1590515918.7100003</v>
      </c>
      <c r="G49" s="463">
        <v>1431700457.99</v>
      </c>
      <c r="H49" s="463">
        <v>164904550.06999969</v>
      </c>
      <c r="I49" s="462">
        <v>218340.3200000003</v>
      </c>
    </row>
    <row r="50" spans="1:10" ht="10.5" x14ac:dyDescent="0.2">
      <c r="A50" s="27" t="s">
        <v>289</v>
      </c>
      <c r="B50" s="327">
        <v>1251676900</v>
      </c>
      <c r="C50" s="463">
        <v>1553433871.0499997</v>
      </c>
      <c r="D50" s="463">
        <v>1509875696.1099999</v>
      </c>
      <c r="E50" s="463">
        <v>1187355282.1400001</v>
      </c>
      <c r="F50" s="463">
        <v>1374042401.0300002</v>
      </c>
      <c r="G50" s="463">
        <v>1187355282.1400001</v>
      </c>
      <c r="H50" s="463">
        <v>135833295.07999969</v>
      </c>
      <c r="I50" s="462">
        <v>0</v>
      </c>
    </row>
    <row r="51" spans="1:10" ht="10.5" x14ac:dyDescent="0.2">
      <c r="A51" s="27" t="s">
        <v>290</v>
      </c>
      <c r="B51" s="327">
        <v>240216000</v>
      </c>
      <c r="C51" s="463">
        <v>229402896.15000001</v>
      </c>
      <c r="D51" s="463">
        <v>229402896.15000001</v>
      </c>
      <c r="E51" s="463">
        <v>229402657.82999998</v>
      </c>
      <c r="F51" s="463">
        <v>202999289.44999999</v>
      </c>
      <c r="G51" s="463">
        <v>229402657.82999998</v>
      </c>
      <c r="H51" s="463">
        <v>26403606.700000018</v>
      </c>
      <c r="I51" s="462">
        <v>0</v>
      </c>
    </row>
    <row r="52" spans="1:10" s="207" customFormat="1" ht="10.5" x14ac:dyDescent="0.15">
      <c r="A52" s="27" t="s">
        <v>291</v>
      </c>
      <c r="B52" s="360">
        <v>5892000</v>
      </c>
      <c r="C52" s="463">
        <v>16141876.520000001</v>
      </c>
      <c r="D52" s="463">
        <v>16141876.520000001</v>
      </c>
      <c r="E52" s="463">
        <v>15160858.34</v>
      </c>
      <c r="F52" s="463">
        <v>13474228.23</v>
      </c>
      <c r="G52" s="463">
        <v>14942518.02</v>
      </c>
      <c r="H52" s="463">
        <v>2667648.290000001</v>
      </c>
      <c r="I52" s="462">
        <v>218340.3200000003</v>
      </c>
      <c r="J52" s="800"/>
    </row>
    <row r="53" spans="1:10" s="207" customFormat="1" ht="10.5" x14ac:dyDescent="0.15">
      <c r="A53" s="27" t="s">
        <v>202</v>
      </c>
      <c r="B53" s="231">
        <v>44580000</v>
      </c>
      <c r="C53" s="463">
        <v>302393812.36000001</v>
      </c>
      <c r="D53" s="463">
        <v>302393812.36000001</v>
      </c>
      <c r="E53" s="463">
        <v>250225936.85999998</v>
      </c>
      <c r="F53" s="463">
        <v>263392381.80000001</v>
      </c>
      <c r="G53" s="463">
        <v>250225936.85999998</v>
      </c>
      <c r="H53" s="463">
        <v>39001430.55999998</v>
      </c>
      <c r="I53" s="462">
        <v>0</v>
      </c>
      <c r="J53" s="800"/>
    </row>
    <row r="54" spans="1:10" s="207" customFormat="1" ht="10.5" x14ac:dyDescent="0.15">
      <c r="A54" s="27" t="s">
        <v>292</v>
      </c>
      <c r="B54" s="360">
        <v>780000</v>
      </c>
      <c r="C54" s="463">
        <v>265474808.53999999</v>
      </c>
      <c r="D54" s="463">
        <v>265474808.53999999</v>
      </c>
      <c r="E54" s="463">
        <v>224025756.69</v>
      </c>
      <c r="F54" s="463">
        <v>230047810.67000002</v>
      </c>
      <c r="G54" s="463">
        <v>224025756.69</v>
      </c>
      <c r="H54" s="463">
        <v>35426997.869999975</v>
      </c>
      <c r="I54" s="462">
        <v>0</v>
      </c>
      <c r="J54" s="800"/>
    </row>
    <row r="55" spans="1:10" s="207" customFormat="1" ht="10.5" x14ac:dyDescent="0.15">
      <c r="A55" s="27" t="s">
        <v>290</v>
      </c>
      <c r="B55" s="360">
        <v>33600000</v>
      </c>
      <c r="C55" s="463">
        <v>35995917.810000002</v>
      </c>
      <c r="D55" s="463">
        <v>35995917.810000002</v>
      </c>
      <c r="E55" s="463">
        <v>26200180.169999998</v>
      </c>
      <c r="F55" s="463">
        <v>32543349.089999996</v>
      </c>
      <c r="G55" s="463">
        <v>26200180.169999998</v>
      </c>
      <c r="H55" s="463">
        <v>3452568.7200000063</v>
      </c>
      <c r="I55" s="462">
        <v>0</v>
      </c>
      <c r="J55" s="800"/>
    </row>
    <row r="56" spans="1:10" s="207" customFormat="1" ht="10.5" x14ac:dyDescent="0.15">
      <c r="A56" s="27" t="s">
        <v>291</v>
      </c>
      <c r="B56" s="360">
        <v>10200000</v>
      </c>
      <c r="C56" s="463">
        <v>923086.01</v>
      </c>
      <c r="D56" s="463">
        <v>923086.01</v>
      </c>
      <c r="E56" s="463">
        <v>0</v>
      </c>
      <c r="F56" s="463">
        <v>801222.04</v>
      </c>
      <c r="G56" s="463">
        <v>0</v>
      </c>
      <c r="H56" s="463">
        <v>121863.96999999997</v>
      </c>
      <c r="I56" s="462">
        <v>0</v>
      </c>
      <c r="J56" s="800"/>
    </row>
    <row r="57" spans="1:10" s="207" customFormat="1" ht="10.5" x14ac:dyDescent="0.15">
      <c r="A57" s="27" t="s">
        <v>293</v>
      </c>
      <c r="B57" s="231">
        <v>252000</v>
      </c>
      <c r="C57" s="463">
        <v>12022204.75</v>
      </c>
      <c r="D57" s="463">
        <v>10244671.83</v>
      </c>
      <c r="E57" s="463">
        <v>166088.42000000001</v>
      </c>
      <c r="F57" s="463">
        <v>10244671.83</v>
      </c>
      <c r="G57" s="463">
        <v>166088.42000000001</v>
      </c>
      <c r="H57" s="463">
        <v>0</v>
      </c>
      <c r="I57" s="462">
        <v>0</v>
      </c>
      <c r="J57" s="800"/>
    </row>
    <row r="58" spans="1:10" s="207" customFormat="1" ht="10.5" x14ac:dyDescent="0.15">
      <c r="A58" s="27" t="s">
        <v>229</v>
      </c>
      <c r="B58" s="360">
        <v>0</v>
      </c>
      <c r="C58" s="463">
        <v>12022204.75</v>
      </c>
      <c r="D58" s="463">
        <v>10244671.83</v>
      </c>
      <c r="E58" s="463">
        <v>166088.42000000001</v>
      </c>
      <c r="F58" s="463">
        <v>10244671.83</v>
      </c>
      <c r="G58" s="463">
        <v>166088.42000000001</v>
      </c>
      <c r="H58" s="463">
        <v>0</v>
      </c>
      <c r="I58" s="462">
        <v>0</v>
      </c>
      <c r="J58" s="800"/>
    </row>
    <row r="59" spans="1:10" s="207" customFormat="1" ht="10.5" x14ac:dyDescent="0.15">
      <c r="A59" s="27" t="s">
        <v>60</v>
      </c>
      <c r="B59" s="360">
        <v>252000</v>
      </c>
      <c r="C59" s="463">
        <v>0</v>
      </c>
      <c r="D59" s="463"/>
      <c r="E59" s="463">
        <v>0</v>
      </c>
      <c r="F59" s="463"/>
      <c r="G59" s="463">
        <v>0</v>
      </c>
      <c r="H59" s="463">
        <v>0</v>
      </c>
      <c r="I59" s="462">
        <v>0</v>
      </c>
      <c r="J59" s="800"/>
    </row>
    <row r="60" spans="1:10" ht="15" customHeight="1" x14ac:dyDescent="0.2">
      <c r="A60" s="364" t="s">
        <v>549</v>
      </c>
      <c r="B60" s="363">
        <v>30000</v>
      </c>
      <c r="C60" s="542">
        <v>30000</v>
      </c>
      <c r="D60" s="463">
        <v>0</v>
      </c>
      <c r="E60" s="463">
        <v>0</v>
      </c>
      <c r="F60" s="463">
        <v>0</v>
      </c>
      <c r="G60" s="463">
        <v>0</v>
      </c>
      <c r="H60" s="463">
        <v>0</v>
      </c>
      <c r="I60" s="462">
        <v>0</v>
      </c>
    </row>
    <row r="61" spans="1:10" s="289" customFormat="1" ht="15" customHeight="1" x14ac:dyDescent="0.2">
      <c r="A61" s="28" t="s">
        <v>748</v>
      </c>
      <c r="B61" s="351">
        <v>1545817900</v>
      </c>
      <c r="C61" s="351">
        <v>2117277804.5899999</v>
      </c>
      <c r="D61" s="351">
        <v>2074653696.0299997</v>
      </c>
      <c r="E61" s="807">
        <v>1683805576.3799999</v>
      </c>
      <c r="F61" s="351">
        <v>1870275198.5400002</v>
      </c>
      <c r="G61" s="351">
        <v>1683587223.1700001</v>
      </c>
      <c r="H61" s="464">
        <v>204378497.48999965</v>
      </c>
      <c r="I61" s="528">
        <v>218353.21000000043</v>
      </c>
      <c r="J61" s="529"/>
    </row>
    <row r="62" spans="1:10" ht="5.0999999999999996" customHeight="1" x14ac:dyDescent="0.2">
      <c r="A62" s="136"/>
      <c r="B62" s="339"/>
      <c r="C62" s="339"/>
      <c r="D62" s="339"/>
      <c r="E62" s="339"/>
      <c r="F62" s="362"/>
      <c r="G62" s="362"/>
      <c r="H62" s="362"/>
      <c r="I62" s="362"/>
    </row>
    <row r="63" spans="1:10" ht="15" customHeight="1" x14ac:dyDescent="0.2">
      <c r="A63" s="28" t="s">
        <v>550</v>
      </c>
      <c r="B63" s="467">
        <v>-250000000</v>
      </c>
      <c r="C63" s="467">
        <v>-405495196.48999977</v>
      </c>
      <c r="D63" s="467"/>
      <c r="E63" s="467"/>
      <c r="F63" s="467">
        <v>-1221904281.8999996</v>
      </c>
      <c r="G63" s="467">
        <v>-787764148.51000011</v>
      </c>
      <c r="H63" s="467"/>
      <c r="I63" s="468"/>
      <c r="J63" s="529"/>
    </row>
    <row r="64" spans="1:10" ht="5.0999999999999996" customHeight="1" x14ac:dyDescent="0.2">
      <c r="A64" s="32"/>
      <c r="B64" s="29"/>
      <c r="C64" s="29"/>
      <c r="D64" s="29"/>
      <c r="E64" s="29"/>
      <c r="G64" s="190"/>
      <c r="H64" s="190"/>
    </row>
    <row r="65" spans="1:10" s="73" customFormat="1" ht="15" customHeight="1" x14ac:dyDescent="0.15">
      <c r="A65" s="961" t="s">
        <v>551</v>
      </c>
      <c r="B65" s="980" t="s">
        <v>108</v>
      </c>
      <c r="C65" s="981"/>
      <c r="D65" s="980" t="s">
        <v>108</v>
      </c>
      <c r="E65" s="981"/>
      <c r="F65" s="976" t="s">
        <v>109</v>
      </c>
      <c r="G65" s="970"/>
      <c r="H65" s="970"/>
      <c r="I65" s="970"/>
      <c r="J65" s="166"/>
    </row>
    <row r="66" spans="1:10" s="73" customFormat="1" ht="10.5" x14ac:dyDescent="0.2">
      <c r="A66" s="951"/>
      <c r="B66" s="950" t="s">
        <v>111</v>
      </c>
      <c r="C66" s="951"/>
      <c r="D66" s="954" t="s">
        <v>112</v>
      </c>
      <c r="E66" s="927"/>
      <c r="F66" s="922" t="s">
        <v>115</v>
      </c>
      <c r="G66" s="924"/>
      <c r="H66" s="922" t="s">
        <v>115</v>
      </c>
      <c r="I66" s="923"/>
      <c r="J66" s="166"/>
    </row>
    <row r="67" spans="1:10" s="73" customFormat="1" ht="10.5" x14ac:dyDescent="0.2">
      <c r="A67" s="953"/>
      <c r="B67" s="952"/>
      <c r="C67" s="953"/>
      <c r="D67" s="955"/>
      <c r="E67" s="928"/>
      <c r="F67" s="950">
        <v>2015</v>
      </c>
      <c r="G67" s="951"/>
      <c r="H67" s="954">
        <v>2014</v>
      </c>
      <c r="I67" s="956"/>
      <c r="J67" s="166"/>
    </row>
    <row r="68" spans="1:10" ht="10.5" x14ac:dyDescent="0.2">
      <c r="A68" s="171" t="s">
        <v>136</v>
      </c>
      <c r="B68" s="957">
        <v>250000000</v>
      </c>
      <c r="C68" s="958">
        <v>0</v>
      </c>
      <c r="D68" s="851">
        <v>1355222623.98</v>
      </c>
      <c r="E68" s="887">
        <v>0</v>
      </c>
      <c r="F68" s="957">
        <v>1355222623.98</v>
      </c>
      <c r="G68" s="958">
        <v>0</v>
      </c>
      <c r="H68" s="957">
        <v>817890196.32999992</v>
      </c>
      <c r="I68" s="959"/>
      <c r="J68" s="529"/>
    </row>
    <row r="69" spans="1:10" ht="10.5" x14ac:dyDescent="0.2">
      <c r="A69" s="171" t="s">
        <v>137</v>
      </c>
      <c r="B69" s="938">
        <v>250000000</v>
      </c>
      <c r="C69" s="939"/>
      <c r="D69" s="851">
        <v>1355222623.98</v>
      </c>
      <c r="E69" s="887"/>
      <c r="F69" s="938">
        <v>1355222623.98</v>
      </c>
      <c r="G69" s="939"/>
      <c r="H69" s="938">
        <v>817890196.32999992</v>
      </c>
      <c r="I69" s="943"/>
      <c r="J69" s="529"/>
    </row>
    <row r="70" spans="1:10" ht="10.5" x14ac:dyDescent="0.2">
      <c r="A70" s="128" t="s">
        <v>138</v>
      </c>
      <c r="B70" s="936">
        <v>250000000</v>
      </c>
      <c r="C70" s="937"/>
      <c r="D70" s="835">
        <v>357622851.57999998</v>
      </c>
      <c r="E70" s="888"/>
      <c r="F70" s="936">
        <v>357622851.57999998</v>
      </c>
      <c r="G70" s="937"/>
      <c r="H70" s="936">
        <v>458216851.18000001</v>
      </c>
      <c r="I70" s="942"/>
      <c r="J70" s="529"/>
    </row>
    <row r="71" spans="1:10" ht="10.5" x14ac:dyDescent="0.2">
      <c r="A71" s="128" t="s">
        <v>139</v>
      </c>
      <c r="B71" s="936">
        <v>0</v>
      </c>
      <c r="C71" s="937"/>
      <c r="D71" s="835">
        <v>0</v>
      </c>
      <c r="E71" s="888"/>
      <c r="F71" s="936">
        <v>0</v>
      </c>
      <c r="G71" s="937"/>
      <c r="H71" s="936">
        <v>0</v>
      </c>
      <c r="I71" s="942"/>
      <c r="J71" s="529"/>
    </row>
    <row r="72" spans="1:10" ht="10.5" x14ac:dyDescent="0.2">
      <c r="A72" s="128" t="s">
        <v>140</v>
      </c>
      <c r="B72" s="938">
        <v>0</v>
      </c>
      <c r="C72" s="939"/>
      <c r="D72" s="851">
        <v>997599772.39999998</v>
      </c>
      <c r="E72" s="887"/>
      <c r="F72" s="938">
        <v>997599772.39999998</v>
      </c>
      <c r="G72" s="939"/>
      <c r="H72" s="938">
        <v>359673345.14999998</v>
      </c>
      <c r="I72" s="943"/>
      <c r="J72" s="529"/>
    </row>
    <row r="73" spans="1:10" ht="10.5" x14ac:dyDescent="0.2">
      <c r="A73" s="171" t="s">
        <v>141</v>
      </c>
      <c r="B73" s="936">
        <v>0</v>
      </c>
      <c r="C73" s="937"/>
      <c r="D73" s="835">
        <v>0</v>
      </c>
      <c r="E73" s="888"/>
      <c r="F73" s="936">
        <v>0</v>
      </c>
      <c r="G73" s="937"/>
      <c r="H73" s="936">
        <v>0</v>
      </c>
      <c r="I73" s="942"/>
      <c r="J73" s="529"/>
    </row>
    <row r="74" spans="1:10" ht="10.5" x14ac:dyDescent="0.2">
      <c r="A74" s="128" t="s">
        <v>142</v>
      </c>
      <c r="B74" s="936">
        <v>0</v>
      </c>
      <c r="C74" s="937"/>
      <c r="D74" s="835">
        <v>0</v>
      </c>
      <c r="E74" s="888"/>
      <c r="F74" s="936">
        <v>0</v>
      </c>
      <c r="G74" s="937"/>
      <c r="H74" s="936">
        <v>0</v>
      </c>
      <c r="I74" s="942"/>
      <c r="J74" s="529"/>
    </row>
    <row r="75" spans="1:10" ht="10.5" x14ac:dyDescent="0.2">
      <c r="A75" s="128" t="s">
        <v>143</v>
      </c>
      <c r="B75" s="936">
        <v>0</v>
      </c>
      <c r="C75" s="937"/>
      <c r="D75" s="835">
        <v>0</v>
      </c>
      <c r="E75" s="888"/>
      <c r="F75" s="936">
        <v>0</v>
      </c>
      <c r="G75" s="937"/>
      <c r="H75" s="936">
        <v>0</v>
      </c>
      <c r="I75" s="942"/>
      <c r="J75" s="529"/>
    </row>
    <row r="76" spans="1:10" ht="10.5" x14ac:dyDescent="0.2">
      <c r="A76" s="130" t="s">
        <v>140</v>
      </c>
      <c r="B76" s="934">
        <v>0</v>
      </c>
      <c r="C76" s="940"/>
      <c r="D76" s="862">
        <v>0</v>
      </c>
      <c r="E76" s="941"/>
      <c r="F76" s="934">
        <v>0</v>
      </c>
      <c r="G76" s="940"/>
      <c r="H76" s="934">
        <v>0</v>
      </c>
      <c r="I76" s="935"/>
      <c r="J76" s="529"/>
    </row>
    <row r="77" spans="1:10" ht="5.0999999999999996" customHeight="1" x14ac:dyDescent="0.2">
      <c r="A77" s="189"/>
      <c r="B77" s="189"/>
      <c r="C77" s="189"/>
      <c r="D77" s="203"/>
      <c r="E77" s="203"/>
      <c r="F77" s="203"/>
      <c r="G77" s="75"/>
      <c r="H77" s="75"/>
      <c r="I77" s="75"/>
    </row>
    <row r="78" spans="1:10" s="73" customFormat="1" ht="15" customHeight="1" x14ac:dyDescent="0.2">
      <c r="A78" s="962" t="s">
        <v>144</v>
      </c>
      <c r="B78" s="962"/>
      <c r="C78" s="963"/>
      <c r="D78" s="964" t="s">
        <v>122</v>
      </c>
      <c r="E78" s="962"/>
      <c r="F78" s="962"/>
      <c r="G78" s="962"/>
      <c r="H78" s="962"/>
      <c r="I78" s="962"/>
      <c r="J78" s="166"/>
    </row>
    <row r="79" spans="1:10" ht="15" customHeight="1" x14ac:dyDescent="0.2">
      <c r="A79" s="948" t="s">
        <v>209</v>
      </c>
      <c r="B79" s="948"/>
      <c r="C79" s="949"/>
      <c r="D79" s="972"/>
      <c r="E79" s="973"/>
      <c r="F79" s="973"/>
      <c r="G79" s="973"/>
      <c r="H79" s="973"/>
      <c r="I79" s="973"/>
    </row>
    <row r="80" spans="1:10" ht="5.0999999999999996" customHeight="1" x14ac:dyDescent="0.2">
      <c r="A80" s="188"/>
      <c r="B80" s="188"/>
      <c r="C80" s="188"/>
      <c r="D80" s="187"/>
      <c r="E80" s="187"/>
      <c r="F80" s="187"/>
      <c r="G80" s="81"/>
      <c r="H80" s="81"/>
      <c r="I80" s="81"/>
    </row>
    <row r="81" spans="1:10" s="73" customFormat="1" ht="15" customHeight="1" x14ac:dyDescent="0.2">
      <c r="A81" s="970" t="s">
        <v>552</v>
      </c>
      <c r="B81" s="970"/>
      <c r="C81" s="961"/>
      <c r="D81" s="976" t="s">
        <v>208</v>
      </c>
      <c r="E81" s="970"/>
      <c r="F81" s="970"/>
      <c r="G81" s="970"/>
      <c r="H81" s="970"/>
      <c r="I81" s="970"/>
      <c r="J81" s="166"/>
    </row>
    <row r="82" spans="1:10" s="73" customFormat="1" ht="15" customHeight="1" x14ac:dyDescent="0.2">
      <c r="A82" s="971"/>
      <c r="B82" s="971"/>
      <c r="C82" s="953"/>
      <c r="D82" s="964">
        <v>2015</v>
      </c>
      <c r="E82" s="962"/>
      <c r="F82" s="963"/>
      <c r="G82" s="962">
        <v>2014</v>
      </c>
      <c r="H82" s="962"/>
      <c r="I82" s="962"/>
      <c r="J82" s="166"/>
    </row>
    <row r="83" spans="1:10" ht="10.5" x14ac:dyDescent="0.2">
      <c r="A83" s="974" t="s">
        <v>123</v>
      </c>
      <c r="B83" s="974"/>
      <c r="C83" s="975"/>
      <c r="D83" s="977">
        <v>0</v>
      </c>
      <c r="E83" s="978"/>
      <c r="F83" s="979"/>
      <c r="G83" s="977">
        <v>0</v>
      </c>
      <c r="H83" s="978"/>
      <c r="I83" s="978"/>
    </row>
    <row r="84" spans="1:10" ht="10.5" x14ac:dyDescent="0.2">
      <c r="A84" s="966" t="s">
        <v>124</v>
      </c>
      <c r="B84" s="966"/>
      <c r="C84" s="967"/>
      <c r="D84" s="936">
        <v>27756569.809999999</v>
      </c>
      <c r="E84" s="942"/>
      <c r="F84" s="937"/>
      <c r="G84" s="936">
        <v>448982.28</v>
      </c>
      <c r="H84" s="942"/>
      <c r="I84" s="942"/>
    </row>
    <row r="85" spans="1:10" ht="10.5" x14ac:dyDescent="0.2">
      <c r="A85" s="966" t="s">
        <v>125</v>
      </c>
      <c r="B85" s="966"/>
      <c r="C85" s="967"/>
      <c r="D85" s="936">
        <v>405882784.88</v>
      </c>
      <c r="E85" s="942"/>
      <c r="F85" s="937"/>
      <c r="G85" s="936">
        <v>205249.69</v>
      </c>
      <c r="H85" s="942"/>
      <c r="I85" s="942"/>
    </row>
    <row r="86" spans="1:10" ht="10.5" x14ac:dyDescent="0.2">
      <c r="A86" s="968" t="s">
        <v>126</v>
      </c>
      <c r="B86" s="968"/>
      <c r="C86" s="969"/>
      <c r="D86" s="934">
        <v>0</v>
      </c>
      <c r="E86" s="935"/>
      <c r="F86" s="940"/>
      <c r="G86" s="934">
        <v>0</v>
      </c>
      <c r="H86" s="935"/>
      <c r="I86" s="935"/>
    </row>
    <row r="87" spans="1:10" ht="5.0999999999999996" customHeight="1" x14ac:dyDescent="0.2">
      <c r="A87" s="194"/>
      <c r="B87" s="194"/>
      <c r="C87" s="129"/>
      <c r="D87" s="965"/>
      <c r="E87" s="965"/>
      <c r="F87" s="189"/>
      <c r="G87" s="129"/>
      <c r="H87" s="81"/>
      <c r="I87" s="81"/>
    </row>
    <row r="88" spans="1:10" ht="15" customHeight="1" x14ac:dyDescent="0.15">
      <c r="A88" s="924" t="s">
        <v>145</v>
      </c>
      <c r="B88" s="980" t="s">
        <v>108</v>
      </c>
      <c r="C88" s="981"/>
      <c r="D88" s="980" t="s">
        <v>108</v>
      </c>
      <c r="E88" s="981"/>
      <c r="F88" s="976" t="s">
        <v>109</v>
      </c>
      <c r="G88" s="970"/>
      <c r="H88" s="970"/>
      <c r="I88" s="970"/>
    </row>
    <row r="89" spans="1:10" ht="15" customHeight="1" x14ac:dyDescent="0.2">
      <c r="A89" s="927"/>
      <c r="B89" s="950" t="s">
        <v>111</v>
      </c>
      <c r="C89" s="951"/>
      <c r="D89" s="954" t="s">
        <v>112</v>
      </c>
      <c r="E89" s="927"/>
      <c r="F89" s="922" t="s">
        <v>115</v>
      </c>
      <c r="G89" s="924"/>
      <c r="H89" s="922" t="s">
        <v>115</v>
      </c>
      <c r="I89" s="923"/>
    </row>
    <row r="90" spans="1:10" ht="15" customHeight="1" x14ac:dyDescent="0.2">
      <c r="A90" s="928"/>
      <c r="B90" s="952"/>
      <c r="C90" s="953"/>
      <c r="D90" s="955"/>
      <c r="E90" s="928"/>
      <c r="F90" s="952">
        <v>2015</v>
      </c>
      <c r="G90" s="953"/>
      <c r="H90" s="955">
        <v>2014</v>
      </c>
      <c r="I90" s="986"/>
    </row>
    <row r="91" spans="1:10" ht="11.25" customHeight="1" x14ac:dyDescent="0.2">
      <c r="A91" s="166" t="s">
        <v>147</v>
      </c>
      <c r="B91" s="845">
        <v>914247000</v>
      </c>
      <c r="C91" s="884">
        <v>0</v>
      </c>
      <c r="D91" s="845">
        <v>1089559218.2</v>
      </c>
      <c r="E91" s="884">
        <v>0</v>
      </c>
      <c r="F91" s="851">
        <v>504759578.79000008</v>
      </c>
      <c r="G91" s="887">
        <v>0</v>
      </c>
      <c r="H91" s="851">
        <v>519250804.56</v>
      </c>
      <c r="I91" s="852"/>
    </row>
    <row r="92" spans="1:10" ht="11.25" customHeight="1" x14ac:dyDescent="0.2">
      <c r="A92" s="191" t="s">
        <v>178</v>
      </c>
      <c r="B92" s="835">
        <v>914247000</v>
      </c>
      <c r="C92" s="888"/>
      <c r="D92" s="835">
        <v>1089559218.2</v>
      </c>
      <c r="E92" s="888"/>
      <c r="F92" s="835">
        <v>504759578.79000008</v>
      </c>
      <c r="G92" s="888"/>
      <c r="H92" s="835">
        <v>519250804.56</v>
      </c>
      <c r="I92" s="836"/>
    </row>
    <row r="93" spans="1:10" ht="11.25" customHeight="1" x14ac:dyDescent="0.2">
      <c r="A93" s="191" t="s">
        <v>146</v>
      </c>
      <c r="B93" s="835">
        <v>914247000</v>
      </c>
      <c r="C93" s="888"/>
      <c r="D93" s="835">
        <v>1089559218.2</v>
      </c>
      <c r="E93" s="888"/>
      <c r="F93" s="835">
        <v>504759578.79000008</v>
      </c>
      <c r="G93" s="888"/>
      <c r="H93" s="835">
        <v>519250804.56</v>
      </c>
      <c r="I93" s="836"/>
    </row>
    <row r="94" spans="1:10" ht="11.25" customHeight="1" x14ac:dyDescent="0.2">
      <c r="A94" s="191" t="s">
        <v>283</v>
      </c>
      <c r="B94" s="835">
        <v>264247000</v>
      </c>
      <c r="C94" s="888"/>
      <c r="D94" s="835">
        <v>439559218.20000005</v>
      </c>
      <c r="E94" s="888"/>
      <c r="F94" s="835">
        <v>439559218.20000005</v>
      </c>
      <c r="G94" s="888"/>
      <c r="H94" s="835">
        <v>423519481.31</v>
      </c>
      <c r="I94" s="836"/>
    </row>
    <row r="95" spans="1:10" ht="11.25" customHeight="1" x14ac:dyDescent="0.2">
      <c r="A95" s="191" t="s">
        <v>129</v>
      </c>
      <c r="B95" s="835">
        <v>264247000</v>
      </c>
      <c r="C95" s="888"/>
      <c r="D95" s="835">
        <v>439559218.20000005</v>
      </c>
      <c r="E95" s="888"/>
      <c r="F95" s="835">
        <v>439559218.20000005</v>
      </c>
      <c r="G95" s="888"/>
      <c r="H95" s="835">
        <v>423519481.31</v>
      </c>
      <c r="I95" s="836"/>
    </row>
    <row r="96" spans="1:10" ht="11.25" customHeight="1" x14ac:dyDescent="0.2">
      <c r="A96" s="191" t="s">
        <v>130</v>
      </c>
      <c r="B96" s="835">
        <v>0</v>
      </c>
      <c r="C96" s="888"/>
      <c r="D96" s="835">
        <v>0</v>
      </c>
      <c r="E96" s="888"/>
      <c r="F96" s="835">
        <v>0</v>
      </c>
      <c r="G96" s="888"/>
      <c r="H96" s="835">
        <v>0</v>
      </c>
      <c r="I96" s="836"/>
    </row>
    <row r="97" spans="1:9" ht="11.25" customHeight="1" x14ac:dyDescent="0.2">
      <c r="A97" s="191" t="s">
        <v>131</v>
      </c>
      <c r="B97" s="835">
        <v>0</v>
      </c>
      <c r="C97" s="888"/>
      <c r="D97" s="835">
        <v>0</v>
      </c>
      <c r="E97" s="888"/>
      <c r="F97" s="835">
        <v>0</v>
      </c>
      <c r="G97" s="888"/>
      <c r="H97" s="835">
        <v>0</v>
      </c>
      <c r="I97" s="836"/>
    </row>
    <row r="98" spans="1:9" ht="11.25" customHeight="1" x14ac:dyDescent="0.2">
      <c r="A98" s="191" t="s">
        <v>284</v>
      </c>
      <c r="B98" s="835">
        <v>650000000</v>
      </c>
      <c r="C98" s="888"/>
      <c r="D98" s="835">
        <v>650000000</v>
      </c>
      <c r="E98" s="888"/>
      <c r="F98" s="835">
        <v>65200360.590000004</v>
      </c>
      <c r="G98" s="888"/>
      <c r="H98" s="835">
        <v>95731323.25</v>
      </c>
      <c r="I98" s="836"/>
    </row>
    <row r="99" spans="1:9" ht="11.25" customHeight="1" x14ac:dyDescent="0.2">
      <c r="A99" s="191" t="s">
        <v>132</v>
      </c>
      <c r="B99" s="835">
        <v>650000000</v>
      </c>
      <c r="C99" s="888"/>
      <c r="D99" s="835">
        <v>650000000</v>
      </c>
      <c r="E99" s="888"/>
      <c r="F99" s="835">
        <v>65200360.590000004</v>
      </c>
      <c r="G99" s="888"/>
      <c r="H99" s="835">
        <v>95731323.25</v>
      </c>
      <c r="I99" s="836"/>
    </row>
    <row r="100" spans="1:9" ht="11.25" customHeight="1" x14ac:dyDescent="0.2">
      <c r="A100" s="191" t="s">
        <v>133</v>
      </c>
      <c r="B100" s="835">
        <v>0</v>
      </c>
      <c r="C100" s="888"/>
      <c r="D100" s="835">
        <v>0</v>
      </c>
      <c r="E100" s="888"/>
      <c r="F100" s="835">
        <v>0</v>
      </c>
      <c r="G100" s="888"/>
      <c r="H100" s="835">
        <v>0</v>
      </c>
      <c r="I100" s="836"/>
    </row>
    <row r="101" spans="1:9" ht="11.25" customHeight="1" x14ac:dyDescent="0.2">
      <c r="A101" s="191" t="s">
        <v>747</v>
      </c>
      <c r="B101" s="835">
        <v>0</v>
      </c>
      <c r="C101" s="888"/>
      <c r="D101" s="835">
        <v>0</v>
      </c>
      <c r="E101" s="888"/>
      <c r="F101" s="835">
        <v>0</v>
      </c>
      <c r="G101" s="888"/>
      <c r="H101" s="835">
        <v>0</v>
      </c>
      <c r="I101" s="836"/>
    </row>
    <row r="102" spans="1:9" ht="11.25" customHeight="1" x14ac:dyDescent="0.2">
      <c r="A102" s="191" t="s">
        <v>768</v>
      </c>
      <c r="B102" s="835">
        <v>0</v>
      </c>
      <c r="C102" s="888"/>
      <c r="D102" s="835">
        <v>0</v>
      </c>
      <c r="E102" s="888"/>
      <c r="F102" s="835">
        <v>0</v>
      </c>
      <c r="G102" s="888"/>
      <c r="H102" s="835">
        <v>0</v>
      </c>
      <c r="I102" s="836"/>
    </row>
    <row r="103" spans="1:9" ht="11.25" customHeight="1" x14ac:dyDescent="0.2">
      <c r="A103" s="191" t="s">
        <v>769</v>
      </c>
      <c r="B103" s="835">
        <v>0</v>
      </c>
      <c r="C103" s="888"/>
      <c r="D103" s="835">
        <v>0</v>
      </c>
      <c r="E103" s="888"/>
      <c r="F103" s="835">
        <v>0</v>
      </c>
      <c r="G103" s="888"/>
      <c r="H103" s="835">
        <v>0</v>
      </c>
      <c r="I103" s="836"/>
    </row>
    <row r="104" spans="1:9" ht="11.25" customHeight="1" x14ac:dyDescent="0.2">
      <c r="A104" s="191" t="s">
        <v>179</v>
      </c>
      <c r="B104" s="835">
        <v>0</v>
      </c>
      <c r="C104" s="888"/>
      <c r="D104" s="835">
        <v>0</v>
      </c>
      <c r="E104" s="888"/>
      <c r="F104" s="835">
        <v>0</v>
      </c>
      <c r="G104" s="888"/>
      <c r="H104" s="835">
        <v>0</v>
      </c>
      <c r="I104" s="836"/>
    </row>
    <row r="105" spans="1:9" ht="11.25" customHeight="1" x14ac:dyDescent="0.2">
      <c r="A105" s="191" t="s">
        <v>186</v>
      </c>
      <c r="B105" s="835">
        <v>0</v>
      </c>
      <c r="C105" s="888"/>
      <c r="D105" s="835">
        <v>0</v>
      </c>
      <c r="E105" s="888"/>
      <c r="F105" s="835">
        <v>0</v>
      </c>
      <c r="G105" s="888"/>
      <c r="H105" s="835">
        <v>0</v>
      </c>
      <c r="I105" s="836"/>
    </row>
    <row r="106" spans="1:9" ht="11.25" customHeight="1" x14ac:dyDescent="0.2">
      <c r="A106" s="191" t="s">
        <v>183</v>
      </c>
      <c r="B106" s="835">
        <v>0</v>
      </c>
      <c r="C106" s="888"/>
      <c r="D106" s="835">
        <v>0</v>
      </c>
      <c r="E106" s="888"/>
      <c r="F106" s="835">
        <v>0</v>
      </c>
      <c r="G106" s="888"/>
      <c r="H106" s="835">
        <v>0</v>
      </c>
      <c r="I106" s="836"/>
    </row>
    <row r="107" spans="1:9" ht="11.25" customHeight="1" x14ac:dyDescent="0.2">
      <c r="A107" s="73" t="s">
        <v>148</v>
      </c>
      <c r="B107" s="835">
        <v>0</v>
      </c>
      <c r="C107" s="888">
        <v>0</v>
      </c>
      <c r="D107" s="835">
        <v>0</v>
      </c>
      <c r="E107" s="888">
        <v>0</v>
      </c>
      <c r="F107" s="835">
        <v>0</v>
      </c>
      <c r="G107" s="888">
        <v>0</v>
      </c>
      <c r="H107" s="835">
        <v>0</v>
      </c>
      <c r="I107" s="836"/>
    </row>
    <row r="108" spans="1:9" ht="11.25" customHeight="1" x14ac:dyDescent="0.2">
      <c r="A108" s="132" t="s">
        <v>812</v>
      </c>
      <c r="B108" s="835">
        <v>0</v>
      </c>
      <c r="C108" s="888"/>
      <c r="D108" s="835">
        <v>0</v>
      </c>
      <c r="E108" s="888"/>
      <c r="F108" s="835">
        <v>0</v>
      </c>
      <c r="G108" s="888"/>
      <c r="H108" s="835">
        <v>0</v>
      </c>
      <c r="I108" s="836"/>
    </row>
    <row r="109" spans="1:9" ht="11.25" customHeight="1" x14ac:dyDescent="0.2">
      <c r="A109" s="191" t="s">
        <v>814</v>
      </c>
      <c r="B109" s="835">
        <v>0</v>
      </c>
      <c r="C109" s="888"/>
      <c r="D109" s="835">
        <v>0</v>
      </c>
      <c r="E109" s="888"/>
      <c r="F109" s="835">
        <v>0</v>
      </c>
      <c r="G109" s="888"/>
      <c r="H109" s="835">
        <v>0</v>
      </c>
      <c r="I109" s="836"/>
    </row>
    <row r="110" spans="1:9" ht="11.25" customHeight="1" x14ac:dyDescent="0.2">
      <c r="A110" s="132" t="s">
        <v>813</v>
      </c>
      <c r="B110" s="835">
        <v>0</v>
      </c>
      <c r="C110" s="888"/>
      <c r="D110" s="835">
        <v>0</v>
      </c>
      <c r="E110" s="888"/>
      <c r="F110" s="835">
        <v>0</v>
      </c>
      <c r="G110" s="888"/>
      <c r="H110" s="835">
        <v>0</v>
      </c>
      <c r="I110" s="836"/>
    </row>
    <row r="111" spans="1:9" ht="11.25" customHeight="1" x14ac:dyDescent="0.2">
      <c r="A111" s="73"/>
      <c r="B111" s="835">
        <v>0</v>
      </c>
      <c r="C111" s="888"/>
      <c r="D111" s="835">
        <v>0</v>
      </c>
      <c r="E111" s="888"/>
      <c r="F111" s="835">
        <v>0</v>
      </c>
      <c r="G111" s="888"/>
      <c r="H111" s="835">
        <v>0</v>
      </c>
      <c r="I111" s="836"/>
    </row>
    <row r="112" spans="1:9" ht="26.25" customHeight="1" x14ac:dyDescent="0.2">
      <c r="A112" s="174" t="s">
        <v>767</v>
      </c>
      <c r="B112" s="860">
        <v>914247000</v>
      </c>
      <c r="C112" s="960"/>
      <c r="D112" s="860">
        <v>1089559218.2</v>
      </c>
      <c r="E112" s="960"/>
      <c r="F112" s="860">
        <v>504759578.79000008</v>
      </c>
      <c r="G112" s="861"/>
      <c r="H112" s="860">
        <v>519250804.56</v>
      </c>
      <c r="I112" s="861"/>
    </row>
    <row r="113" spans="1:10" ht="5.0999999999999996" customHeight="1" x14ac:dyDescent="0.15">
      <c r="A113" s="208"/>
      <c r="B113" s="209"/>
      <c r="C113" s="209"/>
      <c r="D113" s="210"/>
      <c r="E113" s="210"/>
      <c r="F113" s="210"/>
      <c r="G113" s="211"/>
      <c r="H113" s="211"/>
      <c r="I113" s="211"/>
    </row>
    <row r="114" spans="1:10" ht="30" customHeight="1" x14ac:dyDescent="0.15">
      <c r="A114" s="944" t="s">
        <v>149</v>
      </c>
      <c r="B114" s="212" t="s">
        <v>157</v>
      </c>
      <c r="C114" s="212" t="s">
        <v>157</v>
      </c>
      <c r="D114" s="873" t="s">
        <v>158</v>
      </c>
      <c r="E114" s="875"/>
      <c r="F114" s="964" t="s">
        <v>159</v>
      </c>
      <c r="G114" s="963"/>
      <c r="H114" s="964" t="s">
        <v>348</v>
      </c>
      <c r="I114" s="962"/>
    </row>
    <row r="115" spans="1:10" ht="15" customHeight="1" x14ac:dyDescent="0.2">
      <c r="A115" s="945"/>
      <c r="B115" s="947" t="s">
        <v>111</v>
      </c>
      <c r="C115" s="947" t="s">
        <v>112</v>
      </c>
      <c r="D115" s="184" t="s">
        <v>115</v>
      </c>
      <c r="E115" s="184" t="s">
        <v>115</v>
      </c>
      <c r="F115" s="184" t="s">
        <v>115</v>
      </c>
      <c r="G115" s="184" t="s">
        <v>115</v>
      </c>
      <c r="H115" s="982" t="s">
        <v>744</v>
      </c>
      <c r="I115" s="976" t="s">
        <v>745</v>
      </c>
    </row>
    <row r="116" spans="1:10" ht="15" customHeight="1" x14ac:dyDescent="0.2">
      <c r="A116" s="946"/>
      <c r="B116" s="926"/>
      <c r="C116" s="926"/>
      <c r="D116" s="185">
        <v>2015</v>
      </c>
      <c r="E116" s="186">
        <v>2014</v>
      </c>
      <c r="F116" s="185">
        <v>2015</v>
      </c>
      <c r="G116" s="186">
        <v>2014</v>
      </c>
      <c r="H116" s="983"/>
      <c r="I116" s="952"/>
    </row>
    <row r="117" spans="1:10" ht="11.25" customHeight="1" x14ac:dyDescent="0.2">
      <c r="A117" s="172" t="s">
        <v>150</v>
      </c>
      <c r="B117" s="325">
        <v>30000</v>
      </c>
      <c r="C117" s="325">
        <v>30000</v>
      </c>
      <c r="D117" s="358">
        <v>0</v>
      </c>
      <c r="E117" s="358">
        <v>0</v>
      </c>
      <c r="F117" s="358">
        <v>0</v>
      </c>
      <c r="G117" s="358">
        <v>0</v>
      </c>
      <c r="H117" s="358">
        <v>0</v>
      </c>
      <c r="I117" s="359">
        <v>0</v>
      </c>
    </row>
    <row r="118" spans="1:10" ht="11.25" customHeight="1" x14ac:dyDescent="0.2">
      <c r="A118" s="30" t="s">
        <v>204</v>
      </c>
      <c r="B118" s="327">
        <v>30000</v>
      </c>
      <c r="C118" s="327">
        <v>30000</v>
      </c>
      <c r="D118" s="327"/>
      <c r="E118" s="327"/>
      <c r="F118" s="327"/>
      <c r="G118" s="327">
        <v>0</v>
      </c>
      <c r="H118" s="327"/>
      <c r="I118" s="339"/>
    </row>
    <row r="119" spans="1:10" ht="11.25" customHeight="1" x14ac:dyDescent="0.2">
      <c r="A119" s="31" t="s">
        <v>205</v>
      </c>
      <c r="B119" s="327"/>
      <c r="C119" s="327"/>
      <c r="D119" s="327"/>
      <c r="E119" s="327"/>
      <c r="F119" s="327"/>
      <c r="G119" s="327">
        <v>0</v>
      </c>
      <c r="H119" s="327"/>
      <c r="I119" s="339"/>
    </row>
    <row r="120" spans="1:10" ht="24.95" customHeight="1" x14ac:dyDescent="0.2">
      <c r="A120" s="520" t="s">
        <v>151</v>
      </c>
      <c r="B120" s="351">
        <v>30000</v>
      </c>
      <c r="C120" s="351">
        <v>30000</v>
      </c>
      <c r="D120" s="351">
        <v>0</v>
      </c>
      <c r="E120" s="351">
        <v>0</v>
      </c>
      <c r="F120" s="351">
        <v>0</v>
      </c>
      <c r="G120" s="351">
        <v>0</v>
      </c>
      <c r="H120" s="351">
        <v>0</v>
      </c>
      <c r="I120" s="361">
        <v>0</v>
      </c>
    </row>
    <row r="121" spans="1:10" ht="11.25" customHeight="1" x14ac:dyDescent="0.2">
      <c r="A121" s="289" t="s">
        <v>863</v>
      </c>
      <c r="I121" s="324"/>
    </row>
    <row r="122" spans="1:10" ht="11.25" customHeight="1" x14ac:dyDescent="0.2">
      <c r="A122" s="289"/>
    </row>
    <row r="126" spans="1:10" s="289" customFormat="1" ht="11.25" customHeight="1" x14ac:dyDescent="0.2">
      <c r="F126" s="228"/>
      <c r="I126" s="228"/>
      <c r="J126" s="228"/>
    </row>
    <row r="127" spans="1:10" s="289" customFormat="1" ht="11.25" customHeight="1" x14ac:dyDescent="0.2">
      <c r="F127" s="228"/>
      <c r="I127" s="228"/>
      <c r="J127" s="228"/>
    </row>
    <row r="129" spans="1:10" ht="11.25" customHeight="1" x14ac:dyDescent="0.2">
      <c r="A129" s="289"/>
      <c r="B129" s="289"/>
      <c r="C129" s="289"/>
      <c r="D129" s="289"/>
      <c r="E129" s="289"/>
      <c r="F129" s="228"/>
      <c r="G129" s="289"/>
      <c r="H129" s="289"/>
      <c r="I129" s="228"/>
    </row>
    <row r="130" spans="1:10" s="50" customFormat="1" ht="11.25" customHeight="1" x14ac:dyDescent="0.2">
      <c r="J130" s="63"/>
    </row>
    <row r="131" spans="1:10" s="50" customFormat="1" ht="11.25" customHeight="1" x14ac:dyDescent="0.2">
      <c r="J131" s="63"/>
    </row>
    <row r="132" spans="1:10" s="50" customFormat="1" ht="11.25" customHeight="1" x14ac:dyDescent="0.2">
      <c r="J132" s="63"/>
    </row>
    <row r="133" spans="1:10" s="50" customFormat="1" ht="11.25" customHeight="1" x14ac:dyDescent="0.2">
      <c r="J133" s="63"/>
    </row>
    <row r="134" spans="1:10" s="50" customFormat="1" ht="11.25" customHeight="1" x14ac:dyDescent="0.2">
      <c r="J134" s="63"/>
    </row>
    <row r="135" spans="1:10" s="50" customFormat="1" ht="11.25" customHeight="1" x14ac:dyDescent="0.2">
      <c r="J135" s="63"/>
    </row>
    <row r="136" spans="1:10" s="50" customFormat="1" ht="11.25" customHeight="1" x14ac:dyDescent="0.2">
      <c r="J136" s="63"/>
    </row>
  </sheetData>
  <customSheetViews>
    <customSheetView guid="{6DBFA32C-4AA4-4E1D-9A48-697377C64CC3}" scale="80" showPageBreaks="1" showGridLines="0" fitToPage="1" topLeftCell="A88">
      <selection activeCell="E61" sqref="E61"/>
      <pageMargins left="0.19685039370078741" right="0.19685039370078741" top="0.39370078740157483" bottom="0.39370078740157483" header="0" footer="0"/>
      <printOptions horizontalCentered="1"/>
      <pageSetup paperSize="9" scale="45" orientation="portrait" r:id="rId1"/>
      <headerFooter alignWithMargins="0"/>
    </customSheetView>
    <customSheetView guid="{25EF1E0D-169B-4051-B414-7E1196FC05E4}" showPageBreaks="1" showGridLines="0" fitToPage="1" printArea="1" topLeftCell="B52">
      <selection activeCell="F63" sqref="F63"/>
      <pageMargins left="0.19685039370078741" right="0.19685039370078741" top="0.19685039370078741" bottom="0.19685039370078741" header="0" footer="0"/>
      <printOptions horizontalCentered="1"/>
      <pageSetup paperSize="9" scale="44" orientation="portrait" r:id="rId2"/>
      <headerFooter alignWithMargins="0"/>
    </customSheetView>
    <customSheetView guid="{82EDB5A4-4824-4632-A540-7A52C92F04C7}" scale="80" showPageBreaks="1" showGridLines="0" fitToPage="1" topLeftCell="A39">
      <selection activeCell="K63" sqref="K63"/>
      <pageMargins left="0.19685039370078741" right="0.19685039370078741" top="0.39370078740157483" bottom="0.39370078740157483" header="0" footer="0"/>
      <printOptions horizontalCentered="1"/>
      <pageSetup paperSize="9" scale="45" orientation="portrait" r:id="rId3"/>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4"/>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5"/>
      <headerFooter alignWithMargins="0"/>
    </customSheetView>
    <customSheetView guid="{3AAF6A5F-F9AA-430B-9AD9-1261ECDF41B5}" showPageBreaks="1" showGridLines="0" fitToPage="1" printArea="1" topLeftCell="A76">
      <selection activeCell="A114" sqref="A114:A116"/>
      <pageMargins left="0.19685039370078741" right="0.19685039370078741" top="0.59055118110236227" bottom="0.19685039370078741" header="0" footer="0"/>
      <printOptions horizontalCentered="1"/>
      <pageSetup paperSize="9" scale="44" orientation="portrait" r:id="rId6"/>
      <headerFooter alignWithMargins="0"/>
    </customSheetView>
    <customSheetView guid="{C779D862-DE28-46CD-A428-4AAA1056D1E1}" showGridLines="0" fitToPage="1" topLeftCell="B40">
      <selection activeCell="B45" sqref="B45:C45"/>
      <pageMargins left="0.19685039370078741" right="0.19685039370078741" top="0.59055118110236227" bottom="0.19685039370078741" header="0" footer="0"/>
      <printOptions horizontalCentered="1"/>
      <pageSetup paperSize="9" scale="44" orientation="portrait" r:id="rId7"/>
      <headerFooter alignWithMargins="0"/>
    </customSheetView>
  </customSheetViews>
  <mergeCells count="305">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H96:I96"/>
    <mergeCell ref="H98:I98"/>
    <mergeCell ref="D110:E110"/>
    <mergeCell ref="H109:I109"/>
    <mergeCell ref="B91:C91"/>
    <mergeCell ref="D91:E91"/>
    <mergeCell ref="F91:G91"/>
    <mergeCell ref="H91:I91"/>
    <mergeCell ref="B92:C92"/>
    <mergeCell ref="D92:E92"/>
    <mergeCell ref="F92:G92"/>
    <mergeCell ref="H92:I92"/>
    <mergeCell ref="B99:C99"/>
    <mergeCell ref="D99:E99"/>
    <mergeCell ref="F99:G99"/>
    <mergeCell ref="H99:I99"/>
    <mergeCell ref="H94:I94"/>
    <mergeCell ref="B95:C95"/>
    <mergeCell ref="D95:E95"/>
    <mergeCell ref="F95:G95"/>
    <mergeCell ref="H95:I95"/>
    <mergeCell ref="H97:I97"/>
    <mergeCell ref="B96:C96"/>
    <mergeCell ref="D96:E96"/>
    <mergeCell ref="F96:G96"/>
    <mergeCell ref="F94:G94"/>
    <mergeCell ref="B94:C94"/>
    <mergeCell ref="D94:E94"/>
    <mergeCell ref="A88:A90"/>
    <mergeCell ref="B88:C88"/>
    <mergeCell ref="D88:E88"/>
    <mergeCell ref="F88:I88"/>
    <mergeCell ref="B89:C90"/>
    <mergeCell ref="D89:E90"/>
    <mergeCell ref="F89:G89"/>
    <mergeCell ref="H89:I89"/>
    <mergeCell ref="F90:G90"/>
    <mergeCell ref="H90:I90"/>
    <mergeCell ref="F17:G17"/>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B15:C15"/>
    <mergeCell ref="H13:I13"/>
    <mergeCell ref="H14:I14"/>
    <mergeCell ref="A6:I6"/>
    <mergeCell ref="A7:I7"/>
    <mergeCell ref="F14:G14"/>
    <mergeCell ref="F15:G15"/>
    <mergeCell ref="H15:I15"/>
    <mergeCell ref="D41:E41"/>
    <mergeCell ref="F41:G41"/>
    <mergeCell ref="H38:I38"/>
    <mergeCell ref="F38:G38"/>
    <mergeCell ref="B19:C19"/>
    <mergeCell ref="D19:E19"/>
    <mergeCell ref="F19:G19"/>
    <mergeCell ref="H19:I19"/>
    <mergeCell ref="B20:C20"/>
    <mergeCell ref="D20:E20"/>
    <mergeCell ref="F20:G20"/>
    <mergeCell ref="H20:I20"/>
    <mergeCell ref="B21:C21"/>
    <mergeCell ref="D21:E21"/>
    <mergeCell ref="F21:G21"/>
    <mergeCell ref="H21:I21"/>
    <mergeCell ref="H42:H43"/>
    <mergeCell ref="I42:I43"/>
    <mergeCell ref="H41:I41"/>
    <mergeCell ref="B14:C14"/>
    <mergeCell ref="D14:E14"/>
    <mergeCell ref="F36:G36"/>
    <mergeCell ref="H34:I34"/>
    <mergeCell ref="H36:I36"/>
    <mergeCell ref="F30:G30"/>
    <mergeCell ref="F31:G31"/>
    <mergeCell ref="F32:G32"/>
    <mergeCell ref="F33:G33"/>
    <mergeCell ref="F34:G34"/>
    <mergeCell ref="F16:G16"/>
    <mergeCell ref="H16:I16"/>
    <mergeCell ref="H17:I17"/>
    <mergeCell ref="H30:I30"/>
    <mergeCell ref="H31:I31"/>
    <mergeCell ref="H32:I32"/>
    <mergeCell ref="H33:I33"/>
    <mergeCell ref="B18:C18"/>
    <mergeCell ref="D18:E18"/>
    <mergeCell ref="F18:G18"/>
    <mergeCell ref="H18:I18"/>
    <mergeCell ref="A65:A67"/>
    <mergeCell ref="A78:C78"/>
    <mergeCell ref="D78:I78"/>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B65:C65"/>
    <mergeCell ref="D65:E65"/>
    <mergeCell ref="F65:I65"/>
    <mergeCell ref="B22:C22"/>
    <mergeCell ref="D22:E22"/>
    <mergeCell ref="F22:G22"/>
    <mergeCell ref="H22:I22"/>
    <mergeCell ref="B23:C23"/>
    <mergeCell ref="D23:E23"/>
    <mergeCell ref="F23:G23"/>
    <mergeCell ref="H23:I23"/>
    <mergeCell ref="B24:C24"/>
    <mergeCell ref="D24:E24"/>
    <mergeCell ref="F24:G24"/>
    <mergeCell ref="H24:I24"/>
    <mergeCell ref="B25:C25"/>
    <mergeCell ref="D25:E25"/>
    <mergeCell ref="F25:G25"/>
    <mergeCell ref="H25:I25"/>
    <mergeCell ref="B26:C26"/>
    <mergeCell ref="D26:E26"/>
    <mergeCell ref="F26:G26"/>
    <mergeCell ref="H26:I26"/>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35:C35"/>
    <mergeCell ref="D35:E35"/>
    <mergeCell ref="F35:G35"/>
    <mergeCell ref="H35:I35"/>
    <mergeCell ref="H39:I39"/>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H100:I100"/>
    <mergeCell ref="B101:C101"/>
    <mergeCell ref="F101:G101"/>
    <mergeCell ref="H101:I101"/>
    <mergeCell ref="B102:C102"/>
    <mergeCell ref="F102:G102"/>
    <mergeCell ref="H102:I102"/>
    <mergeCell ref="D107:E107"/>
    <mergeCell ref="F107:G107"/>
    <mergeCell ref="H107:I107"/>
    <mergeCell ref="D101:E101"/>
    <mergeCell ref="D102:E102"/>
    <mergeCell ref="D103:E103"/>
    <mergeCell ref="D104:E104"/>
    <mergeCell ref="D105:E105"/>
    <mergeCell ref="D106:E106"/>
    <mergeCell ref="B66:C67"/>
    <mergeCell ref="D66:E67"/>
    <mergeCell ref="F66:G66"/>
    <mergeCell ref="H66:I66"/>
    <mergeCell ref="F67:G67"/>
    <mergeCell ref="H67:I67"/>
    <mergeCell ref="B68:C68"/>
    <mergeCell ref="B69:C69"/>
    <mergeCell ref="F68:G68"/>
    <mergeCell ref="F69:G69"/>
    <mergeCell ref="H68:I68"/>
    <mergeCell ref="D68:E68"/>
    <mergeCell ref="D69:E69"/>
    <mergeCell ref="H69:I69"/>
    <mergeCell ref="A114:A116"/>
    <mergeCell ref="F70:G70"/>
    <mergeCell ref="F71:G71"/>
    <mergeCell ref="F72:G72"/>
    <mergeCell ref="F73:G73"/>
    <mergeCell ref="F74:G74"/>
    <mergeCell ref="F75:G75"/>
    <mergeCell ref="F76:G7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A79:C79"/>
    <mergeCell ref="H76:I76"/>
    <mergeCell ref="B70:C70"/>
    <mergeCell ref="B71:C71"/>
    <mergeCell ref="B72:C72"/>
    <mergeCell ref="B73:C73"/>
    <mergeCell ref="B74:C74"/>
    <mergeCell ref="B75:C75"/>
    <mergeCell ref="B76:C76"/>
    <mergeCell ref="D71:E71"/>
    <mergeCell ref="D72:E72"/>
    <mergeCell ref="D73:E73"/>
    <mergeCell ref="D74:E74"/>
    <mergeCell ref="D75:E75"/>
    <mergeCell ref="D76:E76"/>
    <mergeCell ref="D70:E70"/>
    <mergeCell ref="H70:I70"/>
    <mergeCell ref="H71:I71"/>
    <mergeCell ref="H72:I72"/>
    <mergeCell ref="H73:I73"/>
    <mergeCell ref="H74:I74"/>
    <mergeCell ref="H75:I75"/>
  </mergeCells>
  <printOptions horizontalCentered="1"/>
  <pageMargins left="0.19685039370078741" right="0.19685039370078741" top="0.59055118110236227" bottom="0.19685039370078741" header="0" footer="0"/>
  <pageSetup paperSize="9" scale="43" orientation="portrait" r:id="rId8"/>
  <headerFooter alignWithMargins="0"/>
  <drawing r:id="rId9"/>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tabColor rgb="FF00B050"/>
    <pageSetUpPr fitToPage="1"/>
  </sheetPr>
  <dimension ref="A1:J136"/>
  <sheetViews>
    <sheetView showGridLines="0" zoomScaleNormal="100" workbookViewId="0">
      <selection activeCell="D14" sqref="D14:E14"/>
    </sheetView>
  </sheetViews>
  <sheetFormatPr defaultColWidth="4.140625" defaultRowHeight="11.25" customHeight="1" x14ac:dyDescent="0.2"/>
  <cols>
    <col min="1" max="1" width="77.28515625" style="163" customWidth="1"/>
    <col min="2" max="3" width="20.140625" style="1" bestFit="1" customWidth="1"/>
    <col min="4" max="9" width="15.7109375" style="1" customWidth="1"/>
    <col min="10" max="10" width="4.140625" style="228"/>
    <col min="11" max="16384" width="4.140625" style="1"/>
  </cols>
  <sheetData>
    <row r="1" spans="1:10" s="27" customFormat="1" ht="11.25" customHeight="1" x14ac:dyDescent="0.2">
      <c r="A1" s="318"/>
      <c r="B1" s="318"/>
      <c r="C1" s="318"/>
      <c r="D1" s="318"/>
      <c r="E1" s="318"/>
      <c r="F1" s="318"/>
      <c r="G1" s="318"/>
      <c r="H1" s="318"/>
      <c r="I1" s="318"/>
      <c r="J1" s="122"/>
    </row>
    <row r="2" spans="1:10" s="27" customFormat="1" ht="11.25" customHeight="1" x14ac:dyDescent="0.2">
      <c r="A2" s="164"/>
      <c r="J2" s="122"/>
    </row>
    <row r="3" spans="1:10" s="50" customFormat="1" ht="10.5" x14ac:dyDescent="0.2">
      <c r="A3" s="864" t="s">
        <v>641</v>
      </c>
      <c r="B3" s="864"/>
      <c r="C3" s="864"/>
      <c r="D3" s="864"/>
      <c r="E3" s="864"/>
      <c r="F3" s="864"/>
      <c r="G3" s="864"/>
      <c r="H3" s="864"/>
      <c r="I3" s="864"/>
      <c r="J3" s="63"/>
    </row>
    <row r="4" spans="1:10" s="50" customFormat="1" ht="10.5" x14ac:dyDescent="0.2">
      <c r="A4" s="864" t="s">
        <v>105</v>
      </c>
      <c r="B4" s="864"/>
      <c r="C4" s="864"/>
      <c r="D4" s="864"/>
      <c r="E4" s="864"/>
      <c r="F4" s="864"/>
      <c r="G4" s="864"/>
      <c r="H4" s="864"/>
      <c r="I4" s="864"/>
      <c r="J4" s="63"/>
    </row>
    <row r="5" spans="1:10" s="50" customFormat="1" ht="10.5" x14ac:dyDescent="0.2">
      <c r="A5" s="864" t="s">
        <v>127</v>
      </c>
      <c r="B5" s="864"/>
      <c r="C5" s="864"/>
      <c r="D5" s="864"/>
      <c r="E5" s="864"/>
      <c r="F5" s="864"/>
      <c r="G5" s="864"/>
      <c r="H5" s="864"/>
      <c r="I5" s="864"/>
      <c r="J5" s="63"/>
    </row>
    <row r="6" spans="1:10" s="50" customFormat="1" ht="10.5" x14ac:dyDescent="0.2">
      <c r="A6" s="864" t="s">
        <v>743</v>
      </c>
      <c r="B6" s="864"/>
      <c r="C6" s="864"/>
      <c r="D6" s="864"/>
      <c r="E6" s="864"/>
      <c r="F6" s="864"/>
      <c r="G6" s="864"/>
      <c r="H6" s="864"/>
      <c r="I6" s="864"/>
      <c r="J6" s="63"/>
    </row>
    <row r="7" spans="1:10" s="50" customFormat="1" ht="10.5" x14ac:dyDescent="0.2">
      <c r="A7" s="864" t="s">
        <v>881</v>
      </c>
      <c r="B7" s="864"/>
      <c r="C7" s="864"/>
      <c r="D7" s="864"/>
      <c r="E7" s="864"/>
      <c r="F7" s="864"/>
      <c r="G7" s="864"/>
      <c r="H7" s="864"/>
      <c r="I7" s="864"/>
      <c r="J7" s="63"/>
    </row>
    <row r="8" spans="1:10" s="27" customFormat="1" ht="11.25" customHeight="1" x14ac:dyDescent="0.2">
      <c r="J8" s="122"/>
    </row>
    <row r="9" spans="1:10" s="27" customFormat="1" ht="10.5" x14ac:dyDescent="0.2">
      <c r="A9" s="27" t="s">
        <v>367</v>
      </c>
      <c r="F9" s="985"/>
      <c r="G9" s="985"/>
      <c r="I9" s="239">
        <v>1</v>
      </c>
      <c r="J9" s="122"/>
    </row>
    <row r="10" spans="1:10" ht="15" customHeight="1" x14ac:dyDescent="0.15">
      <c r="A10" s="924" t="s">
        <v>110</v>
      </c>
      <c r="B10" s="980" t="s">
        <v>108</v>
      </c>
      <c r="C10" s="981"/>
      <c r="D10" s="980" t="s">
        <v>108</v>
      </c>
      <c r="E10" s="981"/>
      <c r="F10" s="976" t="s">
        <v>109</v>
      </c>
      <c r="G10" s="970"/>
      <c r="H10" s="970"/>
      <c r="I10" s="970"/>
    </row>
    <row r="11" spans="1:10" ht="15" customHeight="1" x14ac:dyDescent="0.2">
      <c r="A11" s="927"/>
      <c r="B11" s="950" t="s">
        <v>111</v>
      </c>
      <c r="C11" s="951"/>
      <c r="D11" s="954" t="s">
        <v>112</v>
      </c>
      <c r="E11" s="927"/>
      <c r="F11" s="922" t="s">
        <v>115</v>
      </c>
      <c r="G11" s="924"/>
      <c r="H11" s="922" t="s">
        <v>115</v>
      </c>
      <c r="I11" s="923"/>
    </row>
    <row r="12" spans="1:10" ht="15" customHeight="1" x14ac:dyDescent="0.2">
      <c r="A12" s="928"/>
      <c r="B12" s="952"/>
      <c r="C12" s="953"/>
      <c r="D12" s="955"/>
      <c r="E12" s="928"/>
      <c r="F12" s="950">
        <v>2015</v>
      </c>
      <c r="G12" s="951"/>
      <c r="H12" s="954">
        <v>2014</v>
      </c>
      <c r="I12" s="956"/>
    </row>
    <row r="13" spans="1:10" s="73" customFormat="1" ht="10.5" x14ac:dyDescent="0.2">
      <c r="A13" s="166" t="s">
        <v>282</v>
      </c>
      <c r="B13" s="845">
        <v>15000000</v>
      </c>
      <c r="C13" s="884"/>
      <c r="D13" s="845">
        <v>44636688.890000001</v>
      </c>
      <c r="E13" s="884"/>
      <c r="F13" s="845">
        <v>34110222.439999998</v>
      </c>
      <c r="G13" s="884"/>
      <c r="H13" s="845">
        <v>14045863.859999999</v>
      </c>
      <c r="I13" s="846"/>
      <c r="J13" s="166"/>
    </row>
    <row r="14" spans="1:10" s="73" customFormat="1" ht="10.5" x14ac:dyDescent="0.2">
      <c r="A14" s="166" t="s">
        <v>8</v>
      </c>
      <c r="B14" s="851">
        <v>15000000</v>
      </c>
      <c r="C14" s="887">
        <v>0</v>
      </c>
      <c r="D14" s="851">
        <v>44636688.890000001</v>
      </c>
      <c r="E14" s="887">
        <v>0</v>
      </c>
      <c r="F14" s="851">
        <v>34110222.439999998</v>
      </c>
      <c r="G14" s="887">
        <v>0</v>
      </c>
      <c r="H14" s="851">
        <v>14045863.859999999</v>
      </c>
      <c r="I14" s="852"/>
      <c r="J14" s="166"/>
    </row>
    <row r="15" spans="1:10" ht="10.5" x14ac:dyDescent="0.2">
      <c r="A15" s="289" t="s">
        <v>128</v>
      </c>
      <c r="B15" s="835">
        <v>15000000</v>
      </c>
      <c r="C15" s="888">
        <v>0</v>
      </c>
      <c r="D15" s="835">
        <v>34848755.269999996</v>
      </c>
      <c r="E15" s="888">
        <v>0</v>
      </c>
      <c r="F15" s="835">
        <v>24322288.82</v>
      </c>
      <c r="G15" s="888">
        <v>0</v>
      </c>
      <c r="H15" s="835">
        <v>11790817.289999999</v>
      </c>
      <c r="I15" s="836"/>
    </row>
    <row r="16" spans="1:10" ht="10.5" x14ac:dyDescent="0.2">
      <c r="A16" s="289" t="s">
        <v>283</v>
      </c>
      <c r="B16" s="835">
        <v>6000000</v>
      </c>
      <c r="C16" s="888">
        <v>0</v>
      </c>
      <c r="D16" s="835">
        <v>25848755.27</v>
      </c>
      <c r="E16" s="888">
        <v>0</v>
      </c>
      <c r="F16" s="835">
        <v>19848755.27</v>
      </c>
      <c r="G16" s="888">
        <v>0</v>
      </c>
      <c r="H16" s="835">
        <v>11228808.859999999</v>
      </c>
      <c r="I16" s="836"/>
    </row>
    <row r="17" spans="1:9" ht="10.5" x14ac:dyDescent="0.2">
      <c r="A17" s="289" t="s">
        <v>129</v>
      </c>
      <c r="B17" s="835"/>
      <c r="C17" s="888"/>
      <c r="D17" s="835">
        <v>19848755.27</v>
      </c>
      <c r="E17" s="888"/>
      <c r="F17" s="835">
        <v>19848755.27</v>
      </c>
      <c r="G17" s="888"/>
      <c r="H17" s="835">
        <v>11228808.859999999</v>
      </c>
      <c r="I17" s="836"/>
    </row>
    <row r="18" spans="1:9" ht="10.5" x14ac:dyDescent="0.2">
      <c r="A18" s="289" t="s">
        <v>130</v>
      </c>
      <c r="B18" s="835">
        <v>5000000</v>
      </c>
      <c r="C18" s="888"/>
      <c r="D18" s="835">
        <v>5000000</v>
      </c>
      <c r="E18" s="888"/>
      <c r="F18" s="835">
        <v>0</v>
      </c>
      <c r="G18" s="888"/>
      <c r="H18" s="835">
        <v>0</v>
      </c>
      <c r="I18" s="836"/>
    </row>
    <row r="19" spans="1:9" ht="10.5" x14ac:dyDescent="0.2">
      <c r="A19" s="289" t="s">
        <v>131</v>
      </c>
      <c r="B19" s="835">
        <v>1000000</v>
      </c>
      <c r="C19" s="888"/>
      <c r="D19" s="835">
        <v>1000000</v>
      </c>
      <c r="E19" s="888"/>
      <c r="F19" s="835">
        <v>0</v>
      </c>
      <c r="G19" s="888"/>
      <c r="H19" s="835">
        <v>0</v>
      </c>
      <c r="I19" s="836"/>
    </row>
    <row r="20" spans="1:9" ht="10.5" x14ac:dyDescent="0.2">
      <c r="A20" s="289" t="s">
        <v>284</v>
      </c>
      <c r="B20" s="835">
        <v>9000000</v>
      </c>
      <c r="C20" s="888">
        <v>0</v>
      </c>
      <c r="D20" s="835">
        <v>9000000</v>
      </c>
      <c r="E20" s="888">
        <v>0</v>
      </c>
      <c r="F20" s="835">
        <v>4473533.55</v>
      </c>
      <c r="G20" s="888">
        <v>0</v>
      </c>
      <c r="H20" s="835">
        <v>562008.43000000005</v>
      </c>
      <c r="I20" s="836"/>
    </row>
    <row r="21" spans="1:9" ht="10.5" x14ac:dyDescent="0.2">
      <c r="A21" s="289" t="s">
        <v>132</v>
      </c>
      <c r="B21" s="835">
        <v>8000000</v>
      </c>
      <c r="C21" s="888"/>
      <c r="D21" s="835">
        <v>8000000</v>
      </c>
      <c r="E21" s="888"/>
      <c r="F21" s="835">
        <v>4473533.55</v>
      </c>
      <c r="G21" s="888"/>
      <c r="H21" s="835">
        <v>562008.43000000005</v>
      </c>
      <c r="I21" s="836"/>
    </row>
    <row r="22" spans="1:9" ht="10.5" x14ac:dyDescent="0.2">
      <c r="A22" s="289" t="s">
        <v>133</v>
      </c>
      <c r="B22" s="835">
        <v>1000000</v>
      </c>
      <c r="C22" s="888"/>
      <c r="D22" s="835">
        <v>1000000</v>
      </c>
      <c r="E22" s="888"/>
      <c r="F22" s="835">
        <v>0</v>
      </c>
      <c r="G22" s="888"/>
      <c r="H22" s="835">
        <v>0</v>
      </c>
      <c r="I22" s="836"/>
    </row>
    <row r="23" spans="1:9" ht="10.5" x14ac:dyDescent="0.2">
      <c r="A23" s="289" t="s">
        <v>747</v>
      </c>
      <c r="B23" s="835"/>
      <c r="C23" s="888"/>
      <c r="D23" s="835">
        <v>0</v>
      </c>
      <c r="E23" s="888"/>
      <c r="F23" s="835">
        <v>0</v>
      </c>
      <c r="G23" s="888"/>
      <c r="H23" s="835">
        <v>0</v>
      </c>
      <c r="I23" s="836"/>
    </row>
    <row r="24" spans="1:9" ht="10.5" x14ac:dyDescent="0.2">
      <c r="A24" s="289" t="s">
        <v>155</v>
      </c>
      <c r="B24" s="835"/>
      <c r="C24" s="888"/>
      <c r="D24" s="835">
        <v>21473.42</v>
      </c>
      <c r="E24" s="888"/>
      <c r="F24" s="835">
        <v>21473.42</v>
      </c>
      <c r="G24" s="888"/>
      <c r="H24" s="835">
        <v>22234.31</v>
      </c>
      <c r="I24" s="836"/>
    </row>
    <row r="25" spans="1:9" ht="10.5" x14ac:dyDescent="0.2">
      <c r="A25" s="289" t="s">
        <v>312</v>
      </c>
      <c r="B25" s="835">
        <v>0</v>
      </c>
      <c r="C25" s="888">
        <v>0</v>
      </c>
      <c r="D25" s="835">
        <v>9766460.1999999993</v>
      </c>
      <c r="E25" s="888">
        <v>0</v>
      </c>
      <c r="F25" s="835">
        <v>9766460.1999999993</v>
      </c>
      <c r="G25" s="888">
        <v>0</v>
      </c>
      <c r="H25" s="835">
        <v>2232812.2599999998</v>
      </c>
      <c r="I25" s="836"/>
    </row>
    <row r="26" spans="1:9" ht="10.5" x14ac:dyDescent="0.2">
      <c r="A26" s="289" t="s">
        <v>16</v>
      </c>
      <c r="B26" s="835"/>
      <c r="C26" s="888"/>
      <c r="D26" s="835">
        <v>0</v>
      </c>
      <c r="E26" s="888"/>
      <c r="F26" s="835">
        <v>0</v>
      </c>
      <c r="G26" s="888"/>
      <c r="H26" s="835">
        <v>0</v>
      </c>
      <c r="I26" s="836"/>
    </row>
    <row r="27" spans="1:9" ht="10.5" x14ac:dyDescent="0.2">
      <c r="A27" s="289" t="s">
        <v>17</v>
      </c>
      <c r="B27" s="835"/>
      <c r="C27" s="888"/>
      <c r="D27" s="835">
        <v>9766460.1999999993</v>
      </c>
      <c r="E27" s="888"/>
      <c r="F27" s="835">
        <v>9766460.1999999993</v>
      </c>
      <c r="G27" s="888"/>
      <c r="H27" s="835">
        <v>2232812.2599999998</v>
      </c>
      <c r="I27" s="836"/>
    </row>
    <row r="28" spans="1:9" ht="10.5" x14ac:dyDescent="0.2">
      <c r="A28" s="289" t="s">
        <v>19</v>
      </c>
      <c r="B28" s="835"/>
      <c r="C28" s="888"/>
      <c r="D28" s="835">
        <v>0</v>
      </c>
      <c r="E28" s="888"/>
      <c r="F28" s="835">
        <v>0</v>
      </c>
      <c r="G28" s="888"/>
      <c r="H28" s="835">
        <v>0</v>
      </c>
      <c r="I28" s="836"/>
    </row>
    <row r="29" spans="1:9" ht="10.5" x14ac:dyDescent="0.2">
      <c r="A29" s="289" t="s">
        <v>227</v>
      </c>
      <c r="B29" s="835"/>
      <c r="C29" s="888"/>
      <c r="D29" s="835">
        <v>0</v>
      </c>
      <c r="E29" s="888"/>
      <c r="F29" s="835">
        <v>0</v>
      </c>
      <c r="G29" s="888"/>
      <c r="H29" s="835">
        <v>0</v>
      </c>
      <c r="I29" s="836"/>
    </row>
    <row r="30" spans="1:9" ht="10.5" x14ac:dyDescent="0.2">
      <c r="A30" s="61" t="s">
        <v>285</v>
      </c>
      <c r="B30" s="835">
        <v>0</v>
      </c>
      <c r="C30" s="888">
        <v>0</v>
      </c>
      <c r="D30" s="835">
        <v>0</v>
      </c>
      <c r="E30" s="888">
        <v>0</v>
      </c>
      <c r="F30" s="835">
        <v>0</v>
      </c>
      <c r="G30" s="888">
        <v>0</v>
      </c>
      <c r="H30" s="835">
        <v>0</v>
      </c>
      <c r="I30" s="836"/>
    </row>
    <row r="31" spans="1:9" ht="10.5" x14ac:dyDescent="0.2">
      <c r="A31" s="132" t="s">
        <v>546</v>
      </c>
      <c r="B31" s="835"/>
      <c r="C31" s="888"/>
      <c r="D31" s="835">
        <v>0</v>
      </c>
      <c r="E31" s="888"/>
      <c r="F31" s="835">
        <v>0</v>
      </c>
      <c r="G31" s="888"/>
      <c r="H31" s="835">
        <v>0</v>
      </c>
      <c r="I31" s="836"/>
    </row>
    <row r="32" spans="1:9" ht="10.5" x14ac:dyDescent="0.2">
      <c r="A32" s="132" t="s">
        <v>547</v>
      </c>
      <c r="B32" s="835"/>
      <c r="C32" s="888"/>
      <c r="D32" s="835">
        <v>0</v>
      </c>
      <c r="E32" s="888"/>
      <c r="F32" s="835">
        <v>0</v>
      </c>
      <c r="G32" s="888"/>
      <c r="H32" s="835">
        <v>0</v>
      </c>
      <c r="I32" s="836"/>
    </row>
    <row r="33" spans="1:10" s="73" customFormat="1" ht="10.5" x14ac:dyDescent="0.2">
      <c r="A33" s="167" t="s">
        <v>40</v>
      </c>
      <c r="B33" s="835">
        <v>0</v>
      </c>
      <c r="C33" s="888">
        <v>0</v>
      </c>
      <c r="D33" s="835">
        <v>0</v>
      </c>
      <c r="E33" s="888">
        <v>0</v>
      </c>
      <c r="F33" s="835">
        <v>0</v>
      </c>
      <c r="G33" s="888">
        <v>0</v>
      </c>
      <c r="H33" s="835">
        <v>0</v>
      </c>
      <c r="I33" s="836"/>
      <c r="J33" s="166"/>
    </row>
    <row r="34" spans="1:10" ht="10.5" x14ac:dyDescent="0.2">
      <c r="A34" s="132" t="s">
        <v>120</v>
      </c>
      <c r="B34" s="835"/>
      <c r="C34" s="888"/>
      <c r="D34" s="835">
        <v>0</v>
      </c>
      <c r="E34" s="888"/>
      <c r="F34" s="835">
        <v>0</v>
      </c>
      <c r="G34" s="888"/>
      <c r="H34" s="835">
        <v>0</v>
      </c>
      <c r="I34" s="836"/>
    </row>
    <row r="35" spans="1:10" ht="10.5" x14ac:dyDescent="0.2">
      <c r="A35" s="289" t="s">
        <v>228</v>
      </c>
      <c r="B35" s="835"/>
      <c r="C35" s="888"/>
      <c r="D35" s="835">
        <v>0</v>
      </c>
      <c r="E35" s="888"/>
      <c r="F35" s="835">
        <v>0</v>
      </c>
      <c r="G35" s="888"/>
      <c r="H35" s="835">
        <v>0</v>
      </c>
      <c r="I35" s="836"/>
    </row>
    <row r="36" spans="1:10" ht="10.5" x14ac:dyDescent="0.2">
      <c r="A36" s="132" t="s">
        <v>286</v>
      </c>
      <c r="B36" s="835"/>
      <c r="C36" s="888"/>
      <c r="D36" s="835">
        <v>0</v>
      </c>
      <c r="E36" s="888"/>
      <c r="F36" s="835">
        <v>0</v>
      </c>
      <c r="G36" s="888"/>
      <c r="H36" s="835">
        <v>0</v>
      </c>
      <c r="I36" s="836"/>
    </row>
    <row r="37" spans="1:10" s="163" customFormat="1" ht="10.5" x14ac:dyDescent="0.2">
      <c r="A37" s="73"/>
      <c r="B37" s="835"/>
      <c r="C37" s="888"/>
      <c r="D37" s="835">
        <v>0</v>
      </c>
      <c r="E37" s="888"/>
      <c r="F37" s="835">
        <v>0</v>
      </c>
      <c r="G37" s="888"/>
      <c r="H37" s="835">
        <v>0</v>
      </c>
      <c r="I37" s="836"/>
      <c r="J37" s="228"/>
    </row>
    <row r="38" spans="1:10" s="73" customFormat="1" ht="15" customHeight="1" x14ac:dyDescent="0.2">
      <c r="A38" s="168" t="s">
        <v>548</v>
      </c>
      <c r="B38" s="893">
        <v>15495000</v>
      </c>
      <c r="C38" s="984"/>
      <c r="D38" s="893">
        <v>50029764.359999999</v>
      </c>
      <c r="E38" s="984"/>
      <c r="F38" s="893">
        <v>48029764.359999999</v>
      </c>
      <c r="G38" s="984"/>
      <c r="H38" s="893">
        <v>23192821.370000001</v>
      </c>
      <c r="I38" s="894"/>
      <c r="J38" s="166"/>
    </row>
    <row r="39" spans="1:10" ht="18.75" customHeight="1" x14ac:dyDescent="0.2">
      <c r="A39" s="133" t="s">
        <v>766</v>
      </c>
      <c r="B39" s="860">
        <v>30495000</v>
      </c>
      <c r="C39" s="960">
        <v>0</v>
      </c>
      <c r="D39" s="860">
        <v>94666453.25</v>
      </c>
      <c r="E39" s="960">
        <v>0</v>
      </c>
      <c r="F39" s="929">
        <v>82139986.799999997</v>
      </c>
      <c r="G39" s="930">
        <v>0</v>
      </c>
      <c r="H39" s="860">
        <v>37238685.230000004</v>
      </c>
      <c r="I39" s="861"/>
    </row>
    <row r="40" spans="1:10" ht="10.5" x14ac:dyDescent="0.2">
      <c r="A40" s="134"/>
      <c r="B40" s="131"/>
      <c r="C40" s="131"/>
      <c r="D40" s="17"/>
      <c r="E40" s="131"/>
      <c r="F40" s="81"/>
      <c r="G40" s="808"/>
      <c r="H40" s="26"/>
      <c r="I40" s="26"/>
    </row>
    <row r="41" spans="1:10" ht="30" customHeight="1" x14ac:dyDescent="0.15">
      <c r="A41" s="924" t="s">
        <v>160</v>
      </c>
      <c r="B41" s="212" t="s">
        <v>157</v>
      </c>
      <c r="C41" s="212" t="s">
        <v>157</v>
      </c>
      <c r="D41" s="873" t="s">
        <v>158</v>
      </c>
      <c r="E41" s="875"/>
      <c r="F41" s="964" t="s">
        <v>159</v>
      </c>
      <c r="G41" s="963"/>
      <c r="H41" s="964" t="s">
        <v>348</v>
      </c>
      <c r="I41" s="962"/>
    </row>
    <row r="42" spans="1:10" ht="15" customHeight="1" x14ac:dyDescent="0.2">
      <c r="A42" s="927"/>
      <c r="B42" s="947" t="s">
        <v>111</v>
      </c>
      <c r="C42" s="947" t="s">
        <v>112</v>
      </c>
      <c r="D42" s="341" t="s">
        <v>115</v>
      </c>
      <c r="E42" s="341" t="s">
        <v>115</v>
      </c>
      <c r="F42" s="341" t="s">
        <v>115</v>
      </c>
      <c r="G42" s="341" t="s">
        <v>115</v>
      </c>
      <c r="H42" s="982" t="s">
        <v>744</v>
      </c>
      <c r="I42" s="976" t="s">
        <v>745</v>
      </c>
    </row>
    <row r="43" spans="1:10" ht="15" customHeight="1" x14ac:dyDescent="0.2">
      <c r="A43" s="928"/>
      <c r="B43" s="926"/>
      <c r="C43" s="926"/>
      <c r="D43" s="346">
        <v>2015</v>
      </c>
      <c r="E43" s="345">
        <v>2014</v>
      </c>
      <c r="F43" s="346">
        <v>2015</v>
      </c>
      <c r="G43" s="345">
        <v>2014</v>
      </c>
      <c r="H43" s="983"/>
      <c r="I43" s="952"/>
    </row>
    <row r="44" spans="1:10" s="73" customFormat="1" ht="10.5" x14ac:dyDescent="0.2">
      <c r="A44" s="169" t="s">
        <v>134</v>
      </c>
      <c r="B44" s="325">
        <v>30495000</v>
      </c>
      <c r="C44" s="325">
        <v>3474800</v>
      </c>
      <c r="D44" s="325">
        <v>1872792.07</v>
      </c>
      <c r="E44" s="325">
        <v>1055183.94</v>
      </c>
      <c r="F44" s="325">
        <v>1299383.98</v>
      </c>
      <c r="G44" s="325">
        <v>1055183.94</v>
      </c>
      <c r="H44" s="325">
        <v>573408.09000000008</v>
      </c>
      <c r="I44" s="326">
        <v>0</v>
      </c>
      <c r="J44" s="166"/>
    </row>
    <row r="45" spans="1:10" s="73" customFormat="1" ht="10.5" x14ac:dyDescent="0.2">
      <c r="A45" s="73" t="s">
        <v>281</v>
      </c>
      <c r="B45" s="327">
        <v>28960200</v>
      </c>
      <c r="C45" s="327">
        <v>306000</v>
      </c>
      <c r="D45" s="327">
        <v>0</v>
      </c>
      <c r="E45" s="327">
        <v>0</v>
      </c>
      <c r="F45" s="327">
        <v>0</v>
      </c>
      <c r="G45" s="327">
        <v>0</v>
      </c>
      <c r="H45" s="327">
        <v>0</v>
      </c>
      <c r="I45" s="328">
        <v>0</v>
      </c>
      <c r="J45" s="166"/>
    </row>
    <row r="46" spans="1:10" ht="10.5" x14ac:dyDescent="0.2">
      <c r="A46" s="27" t="s">
        <v>287</v>
      </c>
      <c r="B46" s="327">
        <v>28960200</v>
      </c>
      <c r="C46" s="327">
        <v>306000</v>
      </c>
      <c r="D46" s="327">
        <v>0</v>
      </c>
      <c r="E46" s="327">
        <v>0</v>
      </c>
      <c r="F46" s="327">
        <v>0</v>
      </c>
      <c r="G46" s="327">
        <v>0</v>
      </c>
      <c r="H46" s="327">
        <v>0</v>
      </c>
      <c r="I46" s="328">
        <v>0</v>
      </c>
    </row>
    <row r="47" spans="1:10" ht="10.5" x14ac:dyDescent="0.2">
      <c r="A47" s="27" t="s">
        <v>288</v>
      </c>
      <c r="B47" s="327">
        <v>0</v>
      </c>
      <c r="C47" s="327">
        <v>0</v>
      </c>
      <c r="D47" s="327">
        <v>0</v>
      </c>
      <c r="E47" s="327">
        <v>0</v>
      </c>
      <c r="F47" s="327">
        <v>0</v>
      </c>
      <c r="G47" s="327">
        <v>0</v>
      </c>
      <c r="H47" s="327">
        <v>0</v>
      </c>
      <c r="I47" s="328">
        <v>0</v>
      </c>
    </row>
    <row r="48" spans="1:10" s="73" customFormat="1" ht="10.5" x14ac:dyDescent="0.2">
      <c r="A48" s="318" t="s">
        <v>135</v>
      </c>
      <c r="B48" s="337">
        <v>1534800</v>
      </c>
      <c r="C48" s="337">
        <v>3168800</v>
      </c>
      <c r="D48" s="337">
        <v>1872792.07</v>
      </c>
      <c r="E48" s="337">
        <v>1055183.94</v>
      </c>
      <c r="F48" s="337">
        <v>1299383.98</v>
      </c>
      <c r="G48" s="337">
        <v>1055183.94</v>
      </c>
      <c r="H48" s="337">
        <v>573408.09000000008</v>
      </c>
      <c r="I48" s="349">
        <v>0</v>
      </c>
      <c r="J48" s="166"/>
    </row>
    <row r="49" spans="1:10" ht="10.5" x14ac:dyDescent="0.2">
      <c r="A49" s="27" t="s">
        <v>201</v>
      </c>
      <c r="B49" s="327">
        <v>632400</v>
      </c>
      <c r="C49" s="327">
        <v>3154300</v>
      </c>
      <c r="D49" s="327">
        <v>1858292.07</v>
      </c>
      <c r="E49" s="327">
        <v>1055183.94</v>
      </c>
      <c r="F49" s="327">
        <v>1286270.79</v>
      </c>
      <c r="G49" s="327">
        <v>1055183.94</v>
      </c>
      <c r="H49" s="327">
        <v>572021.28</v>
      </c>
      <c r="I49" s="328">
        <v>0</v>
      </c>
    </row>
    <row r="50" spans="1:10" ht="10.5" x14ac:dyDescent="0.2">
      <c r="A50" s="27" t="s">
        <v>289</v>
      </c>
      <c r="B50" s="327">
        <v>74400</v>
      </c>
      <c r="C50" s="327">
        <v>1299807.93</v>
      </c>
      <c r="D50" s="327">
        <v>3800</v>
      </c>
      <c r="E50" s="327">
        <v>0</v>
      </c>
      <c r="F50" s="327">
        <v>0</v>
      </c>
      <c r="G50" s="327">
        <v>0</v>
      </c>
      <c r="H50" s="327">
        <v>3800</v>
      </c>
      <c r="I50" s="328">
        <v>0</v>
      </c>
    </row>
    <row r="51" spans="1:10" ht="10.5" x14ac:dyDescent="0.15">
      <c r="A51" s="27" t="s">
        <v>290</v>
      </c>
      <c r="B51" s="554">
        <v>78000</v>
      </c>
      <c r="C51" s="327">
        <v>32000</v>
      </c>
      <c r="D51" s="327">
        <v>32000</v>
      </c>
      <c r="E51" s="327">
        <v>0</v>
      </c>
      <c r="F51" s="327">
        <v>7714.9699999999993</v>
      </c>
      <c r="G51" s="327">
        <v>0</v>
      </c>
      <c r="H51" s="327">
        <v>24285.03</v>
      </c>
      <c r="I51" s="328">
        <v>0</v>
      </c>
    </row>
    <row r="52" spans="1:10" ht="10.5" x14ac:dyDescent="0.15">
      <c r="A52" s="27" t="s">
        <v>291</v>
      </c>
      <c r="B52" s="360">
        <v>480000</v>
      </c>
      <c r="C52" s="327">
        <v>1822492.07</v>
      </c>
      <c r="D52" s="327">
        <v>1822492.07</v>
      </c>
      <c r="E52" s="327">
        <v>1055183.94</v>
      </c>
      <c r="F52" s="327">
        <v>1278555.82</v>
      </c>
      <c r="G52" s="327">
        <v>1055183.94</v>
      </c>
      <c r="H52" s="327">
        <v>543936.25</v>
      </c>
      <c r="I52" s="328">
        <v>0</v>
      </c>
    </row>
    <row r="53" spans="1:10" ht="10.5" x14ac:dyDescent="0.2">
      <c r="A53" s="27" t="s">
        <v>202</v>
      </c>
      <c r="B53" s="231">
        <v>902400</v>
      </c>
      <c r="C53" s="327">
        <v>14500</v>
      </c>
      <c r="D53" s="327">
        <v>14500</v>
      </c>
      <c r="E53" s="327">
        <v>0</v>
      </c>
      <c r="F53" s="327">
        <v>13113.19</v>
      </c>
      <c r="G53" s="327">
        <v>0</v>
      </c>
      <c r="H53" s="327">
        <v>1386.8099999999995</v>
      </c>
      <c r="I53" s="328">
        <v>0</v>
      </c>
    </row>
    <row r="54" spans="1:10" ht="10.5" x14ac:dyDescent="0.15">
      <c r="A54" s="27" t="s">
        <v>292</v>
      </c>
      <c r="B54" s="360">
        <v>44400</v>
      </c>
      <c r="C54" s="327">
        <v>0</v>
      </c>
      <c r="D54" s="327">
        <v>0</v>
      </c>
      <c r="E54" s="327">
        <v>0</v>
      </c>
      <c r="F54" s="327">
        <v>0</v>
      </c>
      <c r="G54" s="327">
        <v>0</v>
      </c>
      <c r="H54" s="327">
        <v>0</v>
      </c>
      <c r="I54" s="328">
        <v>0</v>
      </c>
    </row>
    <row r="55" spans="1:10" ht="10.5" x14ac:dyDescent="0.15">
      <c r="A55" s="27" t="s">
        <v>290</v>
      </c>
      <c r="B55" s="360">
        <v>18000</v>
      </c>
      <c r="C55" s="327">
        <v>14500</v>
      </c>
      <c r="D55" s="327">
        <v>14500</v>
      </c>
      <c r="E55" s="327">
        <v>0</v>
      </c>
      <c r="F55" s="327">
        <v>13113.19</v>
      </c>
      <c r="G55" s="327">
        <v>0</v>
      </c>
      <c r="H55" s="327">
        <v>1386.8099999999995</v>
      </c>
      <c r="I55" s="328">
        <v>0</v>
      </c>
    </row>
    <row r="56" spans="1:10" ht="10.5" x14ac:dyDescent="0.15">
      <c r="A56" s="27" t="s">
        <v>291</v>
      </c>
      <c r="B56" s="360">
        <v>840000</v>
      </c>
      <c r="C56" s="327">
        <v>0</v>
      </c>
      <c r="D56" s="327">
        <v>0</v>
      </c>
      <c r="E56" s="327">
        <v>0</v>
      </c>
      <c r="F56" s="327">
        <v>0</v>
      </c>
      <c r="G56" s="327">
        <v>0</v>
      </c>
      <c r="H56" s="327">
        <v>0</v>
      </c>
      <c r="I56" s="328">
        <v>0</v>
      </c>
    </row>
    <row r="57" spans="1:10" ht="10.5" x14ac:dyDescent="0.2">
      <c r="A57" s="27" t="s">
        <v>293</v>
      </c>
      <c r="B57" s="231">
        <v>0</v>
      </c>
      <c r="C57" s="327">
        <v>0</v>
      </c>
      <c r="D57" s="327">
        <v>0</v>
      </c>
      <c r="E57" s="327">
        <v>0</v>
      </c>
      <c r="F57" s="327">
        <v>0</v>
      </c>
      <c r="G57" s="327">
        <v>0</v>
      </c>
      <c r="H57" s="327">
        <v>0</v>
      </c>
      <c r="I57" s="328">
        <v>0</v>
      </c>
    </row>
    <row r="58" spans="1:10" ht="10.5" x14ac:dyDescent="0.15">
      <c r="A58" s="27" t="s">
        <v>229</v>
      </c>
      <c r="B58" s="360">
        <v>0</v>
      </c>
      <c r="C58" s="327">
        <v>0</v>
      </c>
      <c r="D58" s="327">
        <v>0</v>
      </c>
      <c r="E58" s="327">
        <v>0</v>
      </c>
      <c r="F58" s="327">
        <v>0</v>
      </c>
      <c r="G58" s="327">
        <v>0</v>
      </c>
      <c r="H58" s="327">
        <v>0</v>
      </c>
      <c r="I58" s="328">
        <v>0</v>
      </c>
    </row>
    <row r="59" spans="1:10" ht="10.5" x14ac:dyDescent="0.15">
      <c r="A59" s="27" t="s">
        <v>60</v>
      </c>
      <c r="B59" s="360">
        <v>0</v>
      </c>
      <c r="C59" s="327">
        <v>0</v>
      </c>
      <c r="D59" s="327">
        <v>0</v>
      </c>
      <c r="E59" s="327">
        <v>0</v>
      </c>
      <c r="F59" s="327">
        <v>0</v>
      </c>
      <c r="G59" s="327">
        <v>0</v>
      </c>
      <c r="H59" s="327">
        <v>0</v>
      </c>
      <c r="I59" s="328">
        <v>0</v>
      </c>
    </row>
    <row r="60" spans="1:10" s="73" customFormat="1" ht="15" customHeight="1" x14ac:dyDescent="0.2">
      <c r="A60" s="364" t="s">
        <v>549</v>
      </c>
      <c r="B60" s="363">
        <v>0</v>
      </c>
      <c r="C60" s="337">
        <v>0</v>
      </c>
      <c r="D60" s="337">
        <v>0</v>
      </c>
      <c r="E60" s="337">
        <v>0</v>
      </c>
      <c r="F60" s="337">
        <v>0</v>
      </c>
      <c r="G60" s="337">
        <v>0</v>
      </c>
      <c r="H60" s="337">
        <v>0</v>
      </c>
      <c r="I60" s="349">
        <v>0</v>
      </c>
      <c r="J60" s="166"/>
    </row>
    <row r="61" spans="1:10" s="73" customFormat="1" ht="15" customHeight="1" x14ac:dyDescent="0.2">
      <c r="A61" s="28" t="s">
        <v>748</v>
      </c>
      <c r="B61" s="351">
        <v>30495000</v>
      </c>
      <c r="C61" s="351">
        <v>3474800</v>
      </c>
      <c r="D61" s="351">
        <v>1872792.07</v>
      </c>
      <c r="E61" s="351">
        <v>1055183.94</v>
      </c>
      <c r="F61" s="351">
        <v>1299383.98</v>
      </c>
      <c r="G61" s="351">
        <v>1055183.94</v>
      </c>
      <c r="H61" s="351">
        <v>573408.09000000008</v>
      </c>
      <c r="I61" s="361">
        <v>0</v>
      </c>
      <c r="J61" s="166"/>
    </row>
    <row r="62" spans="1:10" s="22" customFormat="1" ht="10.5" x14ac:dyDescent="0.2">
      <c r="A62" s="136"/>
      <c r="B62" s="339"/>
      <c r="C62" s="339"/>
      <c r="D62" s="339"/>
      <c r="E62" s="339"/>
      <c r="F62" s="362"/>
      <c r="G62" s="362"/>
      <c r="H62" s="362"/>
      <c r="I62" s="362"/>
      <c r="J62" s="228"/>
    </row>
    <row r="63" spans="1:10" s="73" customFormat="1" ht="15" customHeight="1" x14ac:dyDescent="0.2">
      <c r="A63" s="28" t="s">
        <v>550</v>
      </c>
      <c r="B63" s="351">
        <v>0</v>
      </c>
      <c r="C63" s="351">
        <v>91191653.25</v>
      </c>
      <c r="D63" s="351"/>
      <c r="E63" s="351"/>
      <c r="F63" s="351">
        <v>80267194.729999989</v>
      </c>
      <c r="G63" s="351">
        <v>36183501.290000007</v>
      </c>
      <c r="H63" s="351"/>
      <c r="I63" s="361"/>
      <c r="J63" s="166"/>
    </row>
    <row r="64" spans="1:10" ht="10.5" x14ac:dyDescent="0.2">
      <c r="A64" s="32"/>
      <c r="B64" s="29"/>
      <c r="C64" s="29"/>
      <c r="D64" s="29"/>
      <c r="E64" s="29"/>
      <c r="F64" s="228"/>
      <c r="G64" s="228"/>
      <c r="H64" s="228"/>
      <c r="I64" s="228"/>
    </row>
    <row r="65" spans="1:10" ht="12.75" customHeight="1" x14ac:dyDescent="0.15">
      <c r="A65" s="961" t="s">
        <v>551</v>
      </c>
      <c r="B65" s="980" t="s">
        <v>108</v>
      </c>
      <c r="C65" s="981"/>
      <c r="D65" s="980" t="s">
        <v>108</v>
      </c>
      <c r="E65" s="981"/>
      <c r="F65" s="976" t="s">
        <v>109</v>
      </c>
      <c r="G65" s="970"/>
      <c r="H65" s="970"/>
      <c r="I65" s="970"/>
    </row>
    <row r="66" spans="1:10" ht="10.5" x14ac:dyDescent="0.2">
      <c r="A66" s="951"/>
      <c r="B66" s="950" t="s">
        <v>111</v>
      </c>
      <c r="C66" s="951"/>
      <c r="D66" s="954" t="s">
        <v>112</v>
      </c>
      <c r="E66" s="927"/>
      <c r="F66" s="922" t="s">
        <v>115</v>
      </c>
      <c r="G66" s="924"/>
      <c r="H66" s="922" t="s">
        <v>115</v>
      </c>
      <c r="I66" s="923"/>
    </row>
    <row r="67" spans="1:10" ht="10.5" x14ac:dyDescent="0.2">
      <c r="A67" s="953"/>
      <c r="B67" s="952"/>
      <c r="C67" s="953"/>
      <c r="D67" s="955"/>
      <c r="E67" s="928"/>
      <c r="F67" s="950">
        <v>2015</v>
      </c>
      <c r="G67" s="951"/>
      <c r="H67" s="954">
        <v>2014</v>
      </c>
      <c r="I67" s="956"/>
    </row>
    <row r="68" spans="1:10" s="73" customFormat="1" ht="10.5" x14ac:dyDescent="0.2">
      <c r="A68" s="171" t="s">
        <v>136</v>
      </c>
      <c r="B68" s="987">
        <v>0</v>
      </c>
      <c r="C68" s="988">
        <v>0</v>
      </c>
      <c r="D68" s="987">
        <v>0</v>
      </c>
      <c r="E68" s="988">
        <v>0</v>
      </c>
      <c r="F68" s="977">
        <v>0</v>
      </c>
      <c r="G68" s="979">
        <v>0</v>
      </c>
      <c r="H68" s="977">
        <v>0</v>
      </c>
      <c r="I68" s="978">
        <v>0</v>
      </c>
      <c r="J68" s="166"/>
    </row>
    <row r="69" spans="1:10" s="73" customFormat="1" ht="10.5" x14ac:dyDescent="0.2">
      <c r="A69" s="171" t="s">
        <v>137</v>
      </c>
      <c r="B69" s="835">
        <v>0</v>
      </c>
      <c r="C69" s="888"/>
      <c r="D69" s="835">
        <v>0</v>
      </c>
      <c r="E69" s="888"/>
      <c r="F69" s="936">
        <v>0</v>
      </c>
      <c r="G69" s="937"/>
      <c r="H69" s="936">
        <v>0</v>
      </c>
      <c r="I69" s="942"/>
      <c r="J69" s="166"/>
    </row>
    <row r="70" spans="1:10" ht="10.5" x14ac:dyDescent="0.2">
      <c r="A70" s="128" t="s">
        <v>138</v>
      </c>
      <c r="B70" s="835"/>
      <c r="C70" s="888"/>
      <c r="D70" s="835">
        <v>0</v>
      </c>
      <c r="E70" s="888"/>
      <c r="F70" s="936"/>
      <c r="G70" s="937"/>
      <c r="H70" s="936">
        <v>0</v>
      </c>
      <c r="I70" s="942"/>
    </row>
    <row r="71" spans="1:10" ht="10.5" x14ac:dyDescent="0.2">
      <c r="A71" s="128" t="s">
        <v>139</v>
      </c>
      <c r="B71" s="835"/>
      <c r="C71" s="888"/>
      <c r="D71" s="835">
        <v>0</v>
      </c>
      <c r="E71" s="888"/>
      <c r="F71" s="936"/>
      <c r="G71" s="937"/>
      <c r="H71" s="936">
        <v>0</v>
      </c>
      <c r="I71" s="942"/>
    </row>
    <row r="72" spans="1:10" ht="10.5" x14ac:dyDescent="0.2">
      <c r="A72" s="128" t="s">
        <v>140</v>
      </c>
      <c r="B72" s="835"/>
      <c r="C72" s="888"/>
      <c r="D72" s="835">
        <v>0</v>
      </c>
      <c r="E72" s="888"/>
      <c r="F72" s="936"/>
      <c r="G72" s="937"/>
      <c r="H72" s="936">
        <v>0</v>
      </c>
      <c r="I72" s="942"/>
    </row>
    <row r="73" spans="1:10" s="73" customFormat="1" ht="10.5" x14ac:dyDescent="0.2">
      <c r="A73" s="171" t="s">
        <v>141</v>
      </c>
      <c r="B73" s="835">
        <v>0</v>
      </c>
      <c r="C73" s="888"/>
      <c r="D73" s="835">
        <v>0</v>
      </c>
      <c r="E73" s="888"/>
      <c r="F73" s="936">
        <v>0</v>
      </c>
      <c r="G73" s="937"/>
      <c r="H73" s="936">
        <v>0</v>
      </c>
      <c r="I73" s="942"/>
      <c r="J73" s="166"/>
    </row>
    <row r="74" spans="1:10" ht="10.5" x14ac:dyDescent="0.2">
      <c r="A74" s="128" t="s">
        <v>142</v>
      </c>
      <c r="B74" s="835"/>
      <c r="C74" s="888"/>
      <c r="D74" s="835">
        <v>0</v>
      </c>
      <c r="E74" s="888"/>
      <c r="F74" s="936"/>
      <c r="G74" s="937"/>
      <c r="H74" s="936">
        <v>0</v>
      </c>
      <c r="I74" s="942"/>
    </row>
    <row r="75" spans="1:10" ht="10.5" x14ac:dyDescent="0.2">
      <c r="A75" s="128" t="s">
        <v>143</v>
      </c>
      <c r="B75" s="835"/>
      <c r="C75" s="888"/>
      <c r="D75" s="835">
        <v>0</v>
      </c>
      <c r="E75" s="888"/>
      <c r="F75" s="936"/>
      <c r="G75" s="937"/>
      <c r="H75" s="936">
        <v>0</v>
      </c>
      <c r="I75" s="942"/>
    </row>
    <row r="76" spans="1:10" ht="10.5" x14ac:dyDescent="0.2">
      <c r="A76" s="130" t="s">
        <v>140</v>
      </c>
      <c r="B76" s="862"/>
      <c r="C76" s="941"/>
      <c r="D76" s="862">
        <v>0</v>
      </c>
      <c r="E76" s="941"/>
      <c r="F76" s="934"/>
      <c r="G76" s="940"/>
      <c r="H76" s="934">
        <v>0</v>
      </c>
      <c r="I76" s="935"/>
    </row>
    <row r="77" spans="1:10" ht="10.5" x14ac:dyDescent="0.2">
      <c r="A77" s="342"/>
      <c r="B77" s="342"/>
      <c r="C77" s="342"/>
      <c r="D77" s="203"/>
      <c r="E77" s="203"/>
      <c r="F77" s="203"/>
      <c r="G77" s="75"/>
      <c r="H77" s="75"/>
      <c r="I77" s="75"/>
    </row>
    <row r="78" spans="1:10" ht="15" customHeight="1" x14ac:dyDescent="0.2">
      <c r="A78" s="962" t="s">
        <v>144</v>
      </c>
      <c r="B78" s="962"/>
      <c r="C78" s="963"/>
      <c r="D78" s="964" t="s">
        <v>122</v>
      </c>
      <c r="E78" s="962"/>
      <c r="F78" s="962"/>
      <c r="G78" s="962"/>
      <c r="H78" s="962"/>
      <c r="I78" s="962"/>
    </row>
    <row r="79" spans="1:10" s="73" customFormat="1" ht="15" customHeight="1" x14ac:dyDescent="0.2">
      <c r="A79" s="948" t="s">
        <v>209</v>
      </c>
      <c r="B79" s="948"/>
      <c r="C79" s="949"/>
      <c r="D79" s="972"/>
      <c r="E79" s="973"/>
      <c r="F79" s="973"/>
      <c r="G79" s="973"/>
      <c r="H79" s="973"/>
      <c r="I79" s="973"/>
      <c r="J79" s="166"/>
    </row>
    <row r="80" spans="1:10" ht="10.5" x14ac:dyDescent="0.2">
      <c r="A80" s="344"/>
      <c r="B80" s="344"/>
      <c r="C80" s="344"/>
      <c r="D80" s="343"/>
      <c r="E80" s="343"/>
      <c r="F80" s="343"/>
      <c r="G80" s="81"/>
      <c r="H80" s="81"/>
      <c r="I80" s="81"/>
    </row>
    <row r="81" spans="1:10" ht="15" customHeight="1" x14ac:dyDescent="0.2">
      <c r="A81" s="970" t="s">
        <v>552</v>
      </c>
      <c r="B81" s="970"/>
      <c r="C81" s="961"/>
      <c r="D81" s="976" t="s">
        <v>208</v>
      </c>
      <c r="E81" s="970"/>
      <c r="F81" s="970"/>
      <c r="G81" s="970"/>
      <c r="H81" s="970"/>
      <c r="I81" s="970"/>
    </row>
    <row r="82" spans="1:10" ht="15.75" customHeight="1" x14ac:dyDescent="0.2">
      <c r="A82" s="971"/>
      <c r="B82" s="971"/>
      <c r="C82" s="953"/>
      <c r="D82" s="964">
        <v>2015</v>
      </c>
      <c r="E82" s="962"/>
      <c r="F82" s="963"/>
      <c r="G82" s="962">
        <v>2014</v>
      </c>
      <c r="H82" s="962"/>
      <c r="I82" s="962"/>
    </row>
    <row r="83" spans="1:10" s="73" customFormat="1" ht="10.5" x14ac:dyDescent="0.2">
      <c r="A83" s="974" t="s">
        <v>123</v>
      </c>
      <c r="B83" s="974"/>
      <c r="C83" s="975"/>
      <c r="D83" s="977"/>
      <c r="E83" s="978"/>
      <c r="F83" s="979"/>
      <c r="G83" s="977">
        <v>0</v>
      </c>
      <c r="H83" s="978"/>
      <c r="I83" s="978"/>
      <c r="J83" s="166"/>
    </row>
    <row r="84" spans="1:10" s="73" customFormat="1" ht="10.5" x14ac:dyDescent="0.2">
      <c r="A84" s="966" t="s">
        <v>124</v>
      </c>
      <c r="B84" s="966"/>
      <c r="C84" s="967"/>
      <c r="D84" s="936">
        <v>0</v>
      </c>
      <c r="E84" s="942"/>
      <c r="F84" s="937"/>
      <c r="G84" s="936">
        <v>115155.59</v>
      </c>
      <c r="H84" s="942"/>
      <c r="I84" s="942"/>
      <c r="J84" s="166"/>
    </row>
    <row r="85" spans="1:10" s="73" customFormat="1" ht="10.5" x14ac:dyDescent="0.2">
      <c r="A85" s="966" t="s">
        <v>125</v>
      </c>
      <c r="B85" s="966"/>
      <c r="C85" s="967"/>
      <c r="D85" s="936">
        <v>126152376.90000001</v>
      </c>
      <c r="E85" s="942"/>
      <c r="F85" s="937"/>
      <c r="G85" s="936">
        <v>43829447.659999996</v>
      </c>
      <c r="H85" s="942"/>
      <c r="I85" s="942"/>
      <c r="J85" s="166"/>
    </row>
    <row r="86" spans="1:10" s="73" customFormat="1" ht="10.5" x14ac:dyDescent="0.2">
      <c r="A86" s="968" t="s">
        <v>126</v>
      </c>
      <c r="B86" s="968"/>
      <c r="C86" s="969"/>
      <c r="D86" s="934"/>
      <c r="E86" s="935"/>
      <c r="F86" s="940"/>
      <c r="G86" s="934">
        <v>0</v>
      </c>
      <c r="H86" s="935"/>
      <c r="I86" s="935"/>
      <c r="J86" s="166"/>
    </row>
    <row r="87" spans="1:10" s="22" customFormat="1" ht="10.5" x14ac:dyDescent="0.2">
      <c r="A87" s="194"/>
      <c r="B87" s="194"/>
      <c r="C87" s="129"/>
      <c r="D87" s="965"/>
      <c r="E87" s="965"/>
      <c r="F87" s="342"/>
      <c r="G87" s="129"/>
      <c r="H87" s="81"/>
      <c r="I87" s="81"/>
      <c r="J87" s="228"/>
    </row>
    <row r="88" spans="1:10" ht="15" customHeight="1" x14ac:dyDescent="0.15">
      <c r="A88" s="924" t="s">
        <v>145</v>
      </c>
      <c r="B88" s="980" t="s">
        <v>108</v>
      </c>
      <c r="C88" s="981"/>
      <c r="D88" s="980" t="s">
        <v>108</v>
      </c>
      <c r="E88" s="981"/>
      <c r="F88" s="976" t="s">
        <v>109</v>
      </c>
      <c r="G88" s="970"/>
      <c r="H88" s="970"/>
      <c r="I88" s="970"/>
    </row>
    <row r="89" spans="1:10" ht="15" customHeight="1" x14ac:dyDescent="0.2">
      <c r="A89" s="927"/>
      <c r="B89" s="950" t="s">
        <v>111</v>
      </c>
      <c r="C89" s="951"/>
      <c r="D89" s="954" t="s">
        <v>112</v>
      </c>
      <c r="E89" s="927"/>
      <c r="F89" s="922" t="s">
        <v>115</v>
      </c>
      <c r="G89" s="924"/>
      <c r="H89" s="922" t="s">
        <v>115</v>
      </c>
      <c r="I89" s="923"/>
    </row>
    <row r="90" spans="1:10" ht="15" customHeight="1" x14ac:dyDescent="0.2">
      <c r="A90" s="928"/>
      <c r="B90" s="952"/>
      <c r="C90" s="953"/>
      <c r="D90" s="955"/>
      <c r="E90" s="928"/>
      <c r="F90" s="952">
        <v>2015</v>
      </c>
      <c r="G90" s="953"/>
      <c r="H90" s="955">
        <v>2014</v>
      </c>
      <c r="I90" s="986"/>
    </row>
    <row r="91" spans="1:10" s="73" customFormat="1" ht="10.5" x14ac:dyDescent="0.2">
      <c r="A91" s="166" t="s">
        <v>147</v>
      </c>
      <c r="B91" s="845">
        <v>15495000</v>
      </c>
      <c r="C91" s="884">
        <v>0</v>
      </c>
      <c r="D91" s="845">
        <v>50029764.359999999</v>
      </c>
      <c r="E91" s="884">
        <v>0</v>
      </c>
      <c r="F91" s="845">
        <v>48029764.359999999</v>
      </c>
      <c r="G91" s="884">
        <v>0</v>
      </c>
      <c r="H91" s="731">
        <v>23192821.370000001</v>
      </c>
      <c r="I91" s="732"/>
      <c r="J91" s="166"/>
    </row>
    <row r="92" spans="1:10" s="73" customFormat="1" ht="10.5" x14ac:dyDescent="0.2">
      <c r="A92" s="289" t="s">
        <v>178</v>
      </c>
      <c r="B92" s="835">
        <v>15495000</v>
      </c>
      <c r="C92" s="888"/>
      <c r="D92" s="835">
        <v>50029764.359999999</v>
      </c>
      <c r="E92" s="888"/>
      <c r="F92" s="835">
        <v>48029764.359999999</v>
      </c>
      <c r="G92" s="888"/>
      <c r="H92" s="835">
        <v>23192821.370000001</v>
      </c>
      <c r="I92" s="836"/>
      <c r="J92" s="166"/>
    </row>
    <row r="93" spans="1:10" ht="10.5" x14ac:dyDescent="0.2">
      <c r="A93" s="289" t="s">
        <v>146</v>
      </c>
      <c r="B93" s="835">
        <v>13495000</v>
      </c>
      <c r="C93" s="888"/>
      <c r="D93" s="835">
        <v>48029764.359999999</v>
      </c>
      <c r="E93" s="888"/>
      <c r="F93" s="835">
        <v>48029764.359999999</v>
      </c>
      <c r="G93" s="888"/>
      <c r="H93" s="835">
        <v>23192821.370000001</v>
      </c>
      <c r="I93" s="836"/>
    </row>
    <row r="94" spans="1:10" ht="10.5" x14ac:dyDescent="0.2">
      <c r="A94" s="289" t="s">
        <v>283</v>
      </c>
      <c r="B94" s="835">
        <v>9495000</v>
      </c>
      <c r="C94" s="888"/>
      <c r="D94" s="835">
        <v>40927402.329999998</v>
      </c>
      <c r="E94" s="888"/>
      <c r="F94" s="835">
        <v>40927402.329999998</v>
      </c>
      <c r="G94" s="888"/>
      <c r="H94" s="835">
        <v>22062226.960000001</v>
      </c>
      <c r="I94" s="836"/>
    </row>
    <row r="95" spans="1:10" ht="10.5" x14ac:dyDescent="0.2">
      <c r="A95" s="289" t="s">
        <v>129</v>
      </c>
      <c r="B95" s="835">
        <v>9495000</v>
      </c>
      <c r="C95" s="888"/>
      <c r="D95" s="835">
        <v>40927402.329999998</v>
      </c>
      <c r="E95" s="888"/>
      <c r="F95" s="835">
        <v>40927402.329999998</v>
      </c>
      <c r="G95" s="888"/>
      <c r="H95" s="835">
        <v>22062226.960000001</v>
      </c>
      <c r="I95" s="836"/>
    </row>
    <row r="96" spans="1:10" ht="10.5" x14ac:dyDescent="0.2">
      <c r="A96" s="289" t="s">
        <v>130</v>
      </c>
      <c r="B96" s="835">
        <v>0</v>
      </c>
      <c r="C96" s="888"/>
      <c r="D96" s="835">
        <v>0</v>
      </c>
      <c r="E96" s="888"/>
      <c r="F96" s="835"/>
      <c r="G96" s="888"/>
      <c r="H96" s="835">
        <v>0</v>
      </c>
      <c r="I96" s="836"/>
    </row>
    <row r="97" spans="1:10" ht="10.5" x14ac:dyDescent="0.2">
      <c r="A97" s="289" t="s">
        <v>131</v>
      </c>
      <c r="B97" s="835">
        <v>0</v>
      </c>
      <c r="C97" s="888"/>
      <c r="D97" s="835">
        <v>0</v>
      </c>
      <c r="E97" s="888"/>
      <c r="F97" s="835"/>
      <c r="G97" s="888"/>
      <c r="H97" s="835">
        <v>0</v>
      </c>
      <c r="I97" s="836"/>
    </row>
    <row r="98" spans="1:10" ht="10.5" x14ac:dyDescent="0.2">
      <c r="A98" s="289" t="s">
        <v>284</v>
      </c>
      <c r="B98" s="835">
        <v>4000000</v>
      </c>
      <c r="C98" s="888"/>
      <c r="D98" s="835">
        <v>7102362.0300000003</v>
      </c>
      <c r="E98" s="888"/>
      <c r="F98" s="835">
        <v>7102362.0300000003</v>
      </c>
      <c r="G98" s="888"/>
      <c r="H98" s="835">
        <v>1130594.4099999999</v>
      </c>
      <c r="I98" s="836"/>
    </row>
    <row r="99" spans="1:10" ht="10.5" x14ac:dyDescent="0.2">
      <c r="A99" s="289" t="s">
        <v>132</v>
      </c>
      <c r="B99" s="835">
        <v>4000000</v>
      </c>
      <c r="C99" s="888"/>
      <c r="D99" s="835">
        <v>7102362.0300000003</v>
      </c>
      <c r="E99" s="888"/>
      <c r="F99" s="835">
        <v>7102362.0300000003</v>
      </c>
      <c r="G99" s="888"/>
      <c r="H99" s="835">
        <v>1130594.4099999999</v>
      </c>
      <c r="I99" s="836"/>
    </row>
    <row r="100" spans="1:10" ht="10.5" x14ac:dyDescent="0.2">
      <c r="A100" s="289" t="s">
        <v>133</v>
      </c>
      <c r="B100" s="835">
        <v>0</v>
      </c>
      <c r="C100" s="888"/>
      <c r="D100" s="835">
        <v>0</v>
      </c>
      <c r="E100" s="888"/>
      <c r="F100" s="835"/>
      <c r="G100" s="888"/>
      <c r="H100" s="835">
        <v>0</v>
      </c>
      <c r="I100" s="836"/>
    </row>
    <row r="101" spans="1:10" ht="10.5" x14ac:dyDescent="0.2">
      <c r="A101" s="289" t="s">
        <v>747</v>
      </c>
      <c r="B101" s="835">
        <v>0</v>
      </c>
      <c r="C101" s="888"/>
      <c r="D101" s="835">
        <v>0</v>
      </c>
      <c r="E101" s="888"/>
      <c r="F101" s="835"/>
      <c r="G101" s="888"/>
      <c r="H101" s="835">
        <v>0</v>
      </c>
      <c r="I101" s="836"/>
    </row>
    <row r="102" spans="1:10" ht="10.5" x14ac:dyDescent="0.2">
      <c r="A102" s="289" t="s">
        <v>768</v>
      </c>
      <c r="B102" s="835">
        <v>2000000</v>
      </c>
      <c r="C102" s="888"/>
      <c r="D102" s="835">
        <v>2000000</v>
      </c>
      <c r="E102" s="888"/>
      <c r="F102" s="835">
        <v>0</v>
      </c>
      <c r="G102" s="888"/>
      <c r="H102" s="835">
        <v>0</v>
      </c>
      <c r="I102" s="836"/>
    </row>
    <row r="103" spans="1:10" ht="10.5" x14ac:dyDescent="0.2">
      <c r="A103" s="289" t="s">
        <v>769</v>
      </c>
      <c r="B103" s="835">
        <v>0</v>
      </c>
      <c r="C103" s="888"/>
      <c r="D103" s="835">
        <v>0</v>
      </c>
      <c r="E103" s="888"/>
      <c r="F103" s="835"/>
      <c r="G103" s="888"/>
      <c r="H103" s="835">
        <v>0</v>
      </c>
      <c r="I103" s="836"/>
    </row>
    <row r="104" spans="1:10" ht="10.5" x14ac:dyDescent="0.2">
      <c r="A104" s="289" t="s">
        <v>179</v>
      </c>
      <c r="B104" s="835">
        <v>0</v>
      </c>
      <c r="C104" s="888"/>
      <c r="D104" s="835">
        <v>0</v>
      </c>
      <c r="E104" s="888"/>
      <c r="F104" s="835"/>
      <c r="G104" s="888"/>
      <c r="H104" s="835">
        <v>0</v>
      </c>
      <c r="I104" s="836"/>
    </row>
    <row r="105" spans="1:10" ht="10.5" x14ac:dyDescent="0.2">
      <c r="A105" s="289" t="s">
        <v>186</v>
      </c>
      <c r="B105" s="835">
        <v>0</v>
      </c>
      <c r="C105" s="888"/>
      <c r="D105" s="835">
        <v>0</v>
      </c>
      <c r="E105" s="888"/>
      <c r="F105" s="835"/>
      <c r="G105" s="888"/>
      <c r="H105" s="835">
        <v>0</v>
      </c>
      <c r="I105" s="836"/>
    </row>
    <row r="106" spans="1:10" ht="10.5" x14ac:dyDescent="0.2">
      <c r="A106" s="289" t="s">
        <v>183</v>
      </c>
      <c r="B106" s="835">
        <v>0</v>
      </c>
      <c r="C106" s="888"/>
      <c r="D106" s="835">
        <v>0</v>
      </c>
      <c r="E106" s="888"/>
      <c r="F106" s="835">
        <v>0</v>
      </c>
      <c r="G106" s="888"/>
      <c r="H106" s="835">
        <v>0</v>
      </c>
      <c r="I106" s="836"/>
    </row>
    <row r="107" spans="1:10" s="73" customFormat="1" ht="10.5" x14ac:dyDescent="0.2">
      <c r="A107" s="73" t="s">
        <v>148</v>
      </c>
      <c r="B107" s="835">
        <v>0</v>
      </c>
      <c r="C107" s="888">
        <v>0</v>
      </c>
      <c r="D107" s="835">
        <v>0</v>
      </c>
      <c r="E107" s="888"/>
      <c r="F107" s="835">
        <v>0</v>
      </c>
      <c r="G107" s="888"/>
      <c r="H107" s="835">
        <v>0</v>
      </c>
      <c r="I107" s="836"/>
      <c r="J107" s="166"/>
    </row>
    <row r="108" spans="1:10" ht="10.5" x14ac:dyDescent="0.2">
      <c r="A108" s="132" t="s">
        <v>120</v>
      </c>
      <c r="B108" s="835">
        <v>0</v>
      </c>
      <c r="C108" s="888"/>
      <c r="D108" s="835">
        <v>0</v>
      </c>
      <c r="E108" s="888"/>
      <c r="F108" s="835"/>
      <c r="G108" s="888"/>
      <c r="H108" s="835">
        <v>0</v>
      </c>
      <c r="I108" s="836"/>
    </row>
    <row r="109" spans="1:10" ht="10.5" x14ac:dyDescent="0.2">
      <c r="A109" s="289" t="s">
        <v>228</v>
      </c>
      <c r="B109" s="835">
        <v>0</v>
      </c>
      <c r="C109" s="888"/>
      <c r="D109" s="835">
        <v>0</v>
      </c>
      <c r="E109" s="888"/>
      <c r="F109" s="835"/>
      <c r="G109" s="888"/>
      <c r="H109" s="835">
        <v>0</v>
      </c>
      <c r="I109" s="836"/>
    </row>
    <row r="110" spans="1:10" ht="10.5" x14ac:dyDescent="0.2">
      <c r="A110" s="132" t="s">
        <v>286</v>
      </c>
      <c r="B110" s="835">
        <v>0</v>
      </c>
      <c r="C110" s="888"/>
      <c r="D110" s="835">
        <v>0</v>
      </c>
      <c r="E110" s="888"/>
      <c r="F110" s="835"/>
      <c r="G110" s="888"/>
      <c r="H110" s="835">
        <v>0</v>
      </c>
      <c r="I110" s="836"/>
    </row>
    <row r="111" spans="1:10" s="163" customFormat="1" ht="10.5" x14ac:dyDescent="0.2">
      <c r="A111" s="73"/>
      <c r="B111" s="835"/>
      <c r="C111" s="888"/>
      <c r="D111" s="862"/>
      <c r="E111" s="941"/>
      <c r="F111" s="862"/>
      <c r="G111" s="941"/>
      <c r="H111" s="862">
        <v>0</v>
      </c>
      <c r="I111" s="863"/>
      <c r="J111" s="228"/>
    </row>
    <row r="112" spans="1:10" s="173" customFormat="1" ht="21.75" customHeight="1" x14ac:dyDescent="0.2">
      <c r="A112" s="174" t="s">
        <v>767</v>
      </c>
      <c r="B112" s="860">
        <v>15495000</v>
      </c>
      <c r="C112" s="960"/>
      <c r="D112" s="860">
        <v>50029764.359999999</v>
      </c>
      <c r="E112" s="960"/>
      <c r="F112" s="860">
        <v>48029764.359999999</v>
      </c>
      <c r="G112" s="861"/>
      <c r="H112" s="860">
        <v>23192821.370000001</v>
      </c>
      <c r="I112" s="861"/>
      <c r="J112" s="530"/>
    </row>
    <row r="113" spans="1:10" ht="10.5" x14ac:dyDescent="0.15">
      <c r="A113" s="208"/>
      <c r="B113" s="209"/>
      <c r="C113" s="209"/>
      <c r="D113" s="210"/>
      <c r="E113" s="210"/>
      <c r="F113" s="210"/>
      <c r="G113" s="211"/>
      <c r="H113" s="211"/>
      <c r="I113" s="211"/>
    </row>
    <row r="114" spans="1:10" ht="33" customHeight="1" x14ac:dyDescent="0.15">
      <c r="A114" s="204"/>
      <c r="B114" s="212" t="s">
        <v>157</v>
      </c>
      <c r="C114" s="212" t="s">
        <v>157</v>
      </c>
      <c r="D114" s="873" t="s">
        <v>158</v>
      </c>
      <c r="E114" s="875"/>
      <c r="F114" s="964" t="s">
        <v>159</v>
      </c>
      <c r="G114" s="963"/>
      <c r="H114" s="964" t="s">
        <v>348</v>
      </c>
      <c r="I114" s="962"/>
    </row>
    <row r="115" spans="1:10" ht="15" customHeight="1" x14ac:dyDescent="0.2">
      <c r="A115" s="206" t="s">
        <v>149</v>
      </c>
      <c r="B115" s="947" t="s">
        <v>111</v>
      </c>
      <c r="C115" s="947" t="s">
        <v>112</v>
      </c>
      <c r="D115" s="341" t="s">
        <v>115</v>
      </c>
      <c r="E115" s="341" t="s">
        <v>115</v>
      </c>
      <c r="F115" s="341" t="s">
        <v>115</v>
      </c>
      <c r="G115" s="341" t="s">
        <v>115</v>
      </c>
      <c r="H115" s="982" t="s">
        <v>744</v>
      </c>
      <c r="I115" s="976" t="s">
        <v>745</v>
      </c>
    </row>
    <row r="116" spans="1:10" ht="15" customHeight="1" x14ac:dyDescent="0.2">
      <c r="A116" s="205"/>
      <c r="B116" s="926"/>
      <c r="C116" s="926"/>
      <c r="D116" s="346">
        <v>2015</v>
      </c>
      <c r="E116" s="345">
        <v>2014</v>
      </c>
      <c r="F116" s="346">
        <v>2015</v>
      </c>
      <c r="G116" s="345">
        <v>2014</v>
      </c>
      <c r="H116" s="983"/>
      <c r="I116" s="952"/>
    </row>
    <row r="117" spans="1:10" s="73" customFormat="1" ht="12.75" customHeight="1" x14ac:dyDescent="0.2">
      <c r="A117" s="172" t="s">
        <v>150</v>
      </c>
      <c r="B117" s="358">
        <v>0</v>
      </c>
      <c r="C117" s="358">
        <v>0</v>
      </c>
      <c r="D117" s="358">
        <v>0</v>
      </c>
      <c r="E117" s="358">
        <v>0</v>
      </c>
      <c r="F117" s="358">
        <v>0</v>
      </c>
      <c r="G117" s="358">
        <v>0</v>
      </c>
      <c r="H117" s="358">
        <v>0</v>
      </c>
      <c r="I117" s="359">
        <v>0</v>
      </c>
      <c r="J117" s="166"/>
    </row>
    <row r="118" spans="1:10" ht="10.5" x14ac:dyDescent="0.2">
      <c r="A118" s="30" t="s">
        <v>204</v>
      </c>
      <c r="B118" s="327"/>
      <c r="C118" s="327"/>
      <c r="D118" s="327"/>
      <c r="E118" s="327"/>
      <c r="F118" s="327"/>
      <c r="G118" s="327"/>
      <c r="H118" s="327"/>
      <c r="I118" s="339"/>
    </row>
    <row r="119" spans="1:10" ht="10.5" x14ac:dyDescent="0.2">
      <c r="A119" s="31" t="s">
        <v>205</v>
      </c>
      <c r="B119" s="327"/>
      <c r="C119" s="327"/>
      <c r="D119" s="327"/>
      <c r="E119" s="327"/>
      <c r="F119" s="327"/>
      <c r="G119" s="327"/>
      <c r="H119" s="327"/>
      <c r="I119" s="339"/>
    </row>
    <row r="120" spans="1:10" s="73" customFormat="1" ht="15" customHeight="1" x14ac:dyDescent="0.2">
      <c r="A120" s="16" t="s">
        <v>151</v>
      </c>
      <c r="B120" s="351">
        <v>0</v>
      </c>
      <c r="C120" s="351">
        <v>0</v>
      </c>
      <c r="D120" s="351">
        <v>0</v>
      </c>
      <c r="E120" s="351">
        <v>0</v>
      </c>
      <c r="F120" s="351">
        <v>0</v>
      </c>
      <c r="G120" s="351">
        <v>0</v>
      </c>
      <c r="H120" s="351">
        <v>0</v>
      </c>
      <c r="I120" s="361">
        <v>0</v>
      </c>
      <c r="J120" s="166"/>
    </row>
    <row r="121" spans="1:10" ht="14.25" customHeight="1" x14ac:dyDescent="0.2">
      <c r="A121" s="194" t="s">
        <v>863</v>
      </c>
      <c r="B121" s="165"/>
      <c r="C121" s="165"/>
      <c r="D121" s="165"/>
      <c r="E121" s="165"/>
      <c r="I121" s="320"/>
    </row>
    <row r="122" spans="1:10" s="22" customFormat="1" ht="11.25" customHeight="1" x14ac:dyDescent="0.2">
      <c r="A122" s="228"/>
      <c r="J122" s="228"/>
    </row>
    <row r="124" spans="1:10" s="289" customFormat="1" ht="11.25" customHeight="1" x14ac:dyDescent="0.2">
      <c r="J124" s="228"/>
    </row>
    <row r="125" spans="1:10" s="289" customFormat="1" ht="11.25" customHeight="1" x14ac:dyDescent="0.2">
      <c r="J125" s="228"/>
    </row>
    <row r="128" spans="1:10" ht="11.25" customHeight="1" x14ac:dyDescent="0.2">
      <c r="A128" s="289"/>
      <c r="B128" s="289"/>
      <c r="C128" s="289"/>
      <c r="D128" s="289"/>
      <c r="E128" s="289"/>
      <c r="F128" s="289"/>
      <c r="G128" s="289"/>
      <c r="H128" s="289"/>
      <c r="I128" s="289"/>
    </row>
    <row r="130" s="50" customFormat="1" ht="11.25" customHeight="1" x14ac:dyDescent="0.2"/>
    <row r="131" s="50" customFormat="1" ht="11.25" customHeight="1" x14ac:dyDescent="0.2"/>
    <row r="132" s="50" customFormat="1" ht="11.25" customHeight="1" x14ac:dyDescent="0.2"/>
    <row r="133" s="50" customFormat="1" ht="11.25" customHeight="1" x14ac:dyDescent="0.2"/>
    <row r="134" s="50" customFormat="1" ht="11.25" customHeight="1" x14ac:dyDescent="0.2"/>
    <row r="135" s="50" customFormat="1" ht="11.25" customHeight="1" x14ac:dyDescent="0.2"/>
    <row r="136" s="50" customFormat="1" ht="11.25" customHeight="1" x14ac:dyDescent="0.2"/>
  </sheetData>
  <dataConsolidate/>
  <customSheetViews>
    <customSheetView guid="{6DBFA32C-4AA4-4E1D-9A48-697377C64CC3}" showPageBreaks="1" showGridLines="0" fitToPage="1" printArea="1" topLeftCell="B109">
      <selection activeCell="H91" sqref="H91:I112"/>
      <pageMargins left="0.19685039370078741" right="0.19685039370078741" top="0.39370078740157483" bottom="0.19685039370078741" header="0" footer="0"/>
      <printOptions horizontalCentered="1"/>
      <pageSetup paperSize="9" scale="48" orientation="portrait" r:id="rId1"/>
      <headerFooter alignWithMargins="0"/>
    </customSheetView>
    <customSheetView guid="{25EF1E0D-169B-4051-B414-7E1196FC05E4}" showPageBreaks="1" showGridLines="0" fitToPage="1" printArea="1" topLeftCell="B67">
      <selection activeCell="G85" sqref="G85:I85"/>
      <pageMargins left="0.19685039370078741" right="0.19685039370078741" top="0.19685039370078741" bottom="0.19685039370078741" header="0" footer="0"/>
      <printOptions horizontalCentered="1"/>
      <pageSetup paperSize="9" scale="47" orientation="portrait" r:id="rId2"/>
      <headerFooter alignWithMargins="0"/>
    </customSheetView>
    <customSheetView guid="{82EDB5A4-4824-4632-A540-7A52C92F04C7}" showPageBreaks="1" showGridLines="0" fitToPage="1" printArea="1" topLeftCell="B109">
      <selection activeCell="H91" sqref="H91:I112"/>
      <pageMargins left="0.19685039370078741" right="0.19685039370078741" top="0.39370078740157483" bottom="0.19685039370078741" header="0" footer="0"/>
      <printOptions horizontalCentered="1"/>
      <pageSetup paperSize="9" scale="48" orientation="portrait" r:id="rId3"/>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4"/>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5"/>
      <headerFooter alignWithMargins="0"/>
    </customSheetView>
    <customSheetView guid="{3AAF6A5F-F9AA-430B-9AD9-1261ECDF41B5}" showPageBreaks="1" showGridLines="0" fitToPage="1" printArea="1" topLeftCell="A98">
      <selection activeCell="A122" sqref="A122"/>
      <pageMargins left="0.19685039370078741" right="0.19685039370078741" top="0.59055118110236227" bottom="0.19685039370078741" header="0" footer="0"/>
      <printOptions horizontalCentered="1"/>
      <pageSetup paperSize="9" scale="47" orientation="portrait" r:id="rId6"/>
      <headerFooter alignWithMargins="0"/>
    </customSheetView>
    <customSheetView guid="{C779D862-DE28-46CD-A428-4AAA1056D1E1}" scale="90" showGridLines="0" fitToPage="1" topLeftCell="A40">
      <selection activeCell="B45" sqref="B45:C45"/>
      <pageMargins left="0.19685039370078741" right="0.19685039370078741" top="0.59055118110236227" bottom="0.19685039370078741" header="0" footer="0"/>
      <printOptions horizontalCentered="1"/>
      <pageSetup paperSize="9" scale="47" orientation="portrait" r:id="rId7"/>
      <headerFooter alignWithMargins="0"/>
    </customSheetView>
  </customSheetViews>
  <mergeCells count="303">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 ref="H114:I114"/>
    <mergeCell ref="I42:I43"/>
    <mergeCell ref="H42:H43"/>
    <mergeCell ref="H112:I112"/>
    <mergeCell ref="H90:I90"/>
    <mergeCell ref="F88:I88"/>
    <mergeCell ref="F114:G114"/>
    <mergeCell ref="H111:I111"/>
    <mergeCell ref="H95:I95"/>
    <mergeCell ref="H96:I96"/>
    <mergeCell ref="H105:I105"/>
    <mergeCell ref="H109:I109"/>
    <mergeCell ref="H68:I68"/>
    <mergeCell ref="H94:I94"/>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4:C14"/>
    <mergeCell ref="D13:E13"/>
    <mergeCell ref="F13:G13"/>
    <mergeCell ref="H13:I13"/>
    <mergeCell ref="D14:E14"/>
    <mergeCell ref="F14:G14"/>
    <mergeCell ref="H14:I14"/>
    <mergeCell ref="B15:C15"/>
    <mergeCell ref="D15:E15"/>
    <mergeCell ref="F15:G15"/>
    <mergeCell ref="H15:I15"/>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F31:G31"/>
    <mergeCell ref="H31:I31"/>
    <mergeCell ref="B32:C32"/>
    <mergeCell ref="D32:E32"/>
    <mergeCell ref="F32:G32"/>
    <mergeCell ref="H32:I32"/>
    <mergeCell ref="F29:G29"/>
    <mergeCell ref="H29:I29"/>
    <mergeCell ref="B30:C30"/>
    <mergeCell ref="D30:E30"/>
    <mergeCell ref="F30:G30"/>
    <mergeCell ref="H30:I30"/>
    <mergeCell ref="A65:A67"/>
    <mergeCell ref="H41:I41"/>
    <mergeCell ref="F41:G41"/>
    <mergeCell ref="D41:E41"/>
    <mergeCell ref="B37:C37"/>
    <mergeCell ref="D37:E37"/>
    <mergeCell ref="F37:G37"/>
    <mergeCell ref="H37:I37"/>
    <mergeCell ref="B38:C38"/>
    <mergeCell ref="D38:E38"/>
    <mergeCell ref="F38:G38"/>
    <mergeCell ref="A41:A43"/>
    <mergeCell ref="H67:I67"/>
    <mergeCell ref="D100:E100"/>
    <mergeCell ref="H101:I101"/>
    <mergeCell ref="F91:G91"/>
    <mergeCell ref="F96:G96"/>
    <mergeCell ref="B66:C67"/>
    <mergeCell ref="D66:E67"/>
    <mergeCell ref="F66:G66"/>
    <mergeCell ref="H66:I66"/>
    <mergeCell ref="F89:G89"/>
    <mergeCell ref="H89:I89"/>
    <mergeCell ref="F90:G90"/>
    <mergeCell ref="D97:E97"/>
    <mergeCell ref="F97:G97"/>
    <mergeCell ref="B101:C101"/>
    <mergeCell ref="D101:E101"/>
    <mergeCell ref="F101:G101"/>
    <mergeCell ref="B96:C96"/>
    <mergeCell ref="B99:C99"/>
    <mergeCell ref="D99:E99"/>
    <mergeCell ref="F99:G99"/>
    <mergeCell ref="F67:G67"/>
    <mergeCell ref="B68:C68"/>
    <mergeCell ref="D68:E68"/>
    <mergeCell ref="F68:G68"/>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F9:G9"/>
    <mergeCell ref="B10:C10"/>
    <mergeCell ref="D10:E10"/>
    <mergeCell ref="B11:C12"/>
    <mergeCell ref="D11:E12"/>
    <mergeCell ref="B42:B43"/>
    <mergeCell ref="C42:C43"/>
    <mergeCell ref="B65:C65"/>
    <mergeCell ref="D65:E65"/>
    <mergeCell ref="F65:I65"/>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B69:C69"/>
    <mergeCell ref="D69:E69"/>
    <mergeCell ref="F69:G69"/>
    <mergeCell ref="H69:I69"/>
    <mergeCell ref="B70:C70"/>
    <mergeCell ref="D70:E70"/>
    <mergeCell ref="F70:G70"/>
    <mergeCell ref="H70:I70"/>
    <mergeCell ref="B71:C71"/>
    <mergeCell ref="D71:E71"/>
    <mergeCell ref="F71:G71"/>
    <mergeCell ref="H71:I71"/>
    <mergeCell ref="B72:C72"/>
    <mergeCell ref="D72:E72"/>
    <mergeCell ref="F72:G72"/>
    <mergeCell ref="H72:I72"/>
    <mergeCell ref="B73:C73"/>
    <mergeCell ref="D73:E73"/>
    <mergeCell ref="F73:G73"/>
    <mergeCell ref="H73:I73"/>
    <mergeCell ref="B74:C74"/>
    <mergeCell ref="D74:E74"/>
    <mergeCell ref="F74:G74"/>
    <mergeCell ref="H74:I74"/>
    <mergeCell ref="B75:C75"/>
    <mergeCell ref="D75:E75"/>
    <mergeCell ref="F75:G75"/>
    <mergeCell ref="H75:I75"/>
    <mergeCell ref="B76:C76"/>
    <mergeCell ref="D76:E76"/>
    <mergeCell ref="F76:G76"/>
    <mergeCell ref="H76:I76"/>
    <mergeCell ref="A78:C78"/>
    <mergeCell ref="D78:I78"/>
    <mergeCell ref="A79:C79"/>
    <mergeCell ref="D79:I79"/>
    <mergeCell ref="A81:C82"/>
    <mergeCell ref="D81:I81"/>
    <mergeCell ref="D82:F82"/>
    <mergeCell ref="G82:I82"/>
    <mergeCell ref="A86:C86"/>
    <mergeCell ref="D86:F86"/>
    <mergeCell ref="G86:I86"/>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s>
  <phoneticPr fontId="1" type="noConversion"/>
  <printOptions horizontalCentered="1"/>
  <pageMargins left="0.19685039370078741" right="0.19685039370078741" top="0.59055118110236227" bottom="0.19685039370078741" header="0" footer="0"/>
  <pageSetup paperSize="9" scale="48" orientation="portrait" r:id="rId8"/>
  <headerFooter alignWithMargins="0"/>
  <drawing r:id="rId9"/>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tabColor rgb="FF00B050"/>
    <pageSetUpPr fitToPage="1"/>
  </sheetPr>
  <dimension ref="A1:G59"/>
  <sheetViews>
    <sheetView showGridLines="0" zoomScaleNormal="100" workbookViewId="0"/>
  </sheetViews>
  <sheetFormatPr defaultRowHeight="11.25" customHeight="1" x14ac:dyDescent="0.2"/>
  <cols>
    <col min="1" max="1" width="65.140625" style="182" customWidth="1"/>
    <col min="2" max="6" width="14.140625" style="182" customWidth="1"/>
    <col min="7" max="7" width="16.42578125" style="182" customWidth="1"/>
    <col min="8" max="16384" width="9.140625" style="182"/>
  </cols>
  <sheetData>
    <row r="1" spans="1:7" s="27" customFormat="1" ht="10.5" x14ac:dyDescent="0.2">
      <c r="A1" s="318"/>
      <c r="B1" s="318"/>
      <c r="C1" s="318"/>
      <c r="D1" s="318"/>
      <c r="E1" s="318"/>
      <c r="F1" s="318"/>
      <c r="G1" s="318"/>
    </row>
    <row r="2" spans="1:7" s="27" customFormat="1" ht="10.5" x14ac:dyDescent="0.2">
      <c r="D2" s="122"/>
      <c r="E2" s="122"/>
    </row>
    <row r="3" spans="1:7" s="50" customFormat="1" ht="10.5" x14ac:dyDescent="0.2">
      <c r="A3" s="864" t="s">
        <v>641</v>
      </c>
      <c r="B3" s="864"/>
      <c r="C3" s="864"/>
      <c r="D3" s="864"/>
      <c r="E3" s="864"/>
      <c r="F3" s="864"/>
      <c r="G3" s="864"/>
    </row>
    <row r="4" spans="1:7" s="50" customFormat="1" ht="10.5" x14ac:dyDescent="0.2">
      <c r="A4" s="864" t="s">
        <v>105</v>
      </c>
      <c r="B4" s="864"/>
      <c r="C4" s="864"/>
      <c r="D4" s="864"/>
      <c r="E4" s="864"/>
      <c r="F4" s="864"/>
      <c r="G4" s="864"/>
    </row>
    <row r="5" spans="1:7" s="50" customFormat="1" ht="10.5" x14ac:dyDescent="0.2">
      <c r="A5" s="864" t="s">
        <v>555</v>
      </c>
      <c r="B5" s="864"/>
      <c r="C5" s="864"/>
      <c r="D5" s="864"/>
      <c r="E5" s="864"/>
      <c r="F5" s="864"/>
      <c r="G5" s="864"/>
    </row>
    <row r="6" spans="1:7" s="50" customFormat="1" ht="10.5" x14ac:dyDescent="0.2">
      <c r="A6" s="864" t="s">
        <v>107</v>
      </c>
      <c r="B6" s="864"/>
      <c r="C6" s="864"/>
      <c r="D6" s="864"/>
      <c r="E6" s="864"/>
      <c r="F6" s="864"/>
      <c r="G6" s="864"/>
    </row>
    <row r="7" spans="1:7" s="50" customFormat="1" ht="10.5" x14ac:dyDescent="0.2">
      <c r="A7" s="864" t="s">
        <v>881</v>
      </c>
      <c r="B7" s="864"/>
      <c r="C7" s="864"/>
      <c r="D7" s="864"/>
      <c r="E7" s="864"/>
      <c r="F7" s="864"/>
      <c r="G7" s="864"/>
    </row>
    <row r="8" spans="1:7" s="27" customFormat="1" ht="10.5" x14ac:dyDescent="0.2">
      <c r="A8" s="51"/>
      <c r="B8" s="51"/>
      <c r="C8" s="51"/>
      <c r="D8" s="51"/>
      <c r="E8" s="51"/>
      <c r="F8" s="51"/>
      <c r="G8" s="51"/>
    </row>
    <row r="9" spans="1:7" s="27" customFormat="1" ht="10.5" x14ac:dyDescent="0.2">
      <c r="A9" s="27" t="s">
        <v>556</v>
      </c>
      <c r="D9" s="141"/>
      <c r="E9" s="122"/>
      <c r="G9" s="240">
        <v>1</v>
      </c>
    </row>
    <row r="10" spans="1:7" s="73" customFormat="1" ht="15" customHeight="1" x14ac:dyDescent="0.2">
      <c r="A10" s="924" t="s">
        <v>557</v>
      </c>
      <c r="B10" s="964" t="s">
        <v>161</v>
      </c>
      <c r="C10" s="962"/>
      <c r="D10" s="962"/>
      <c r="E10" s="962"/>
      <c r="F10" s="962"/>
      <c r="G10" s="962"/>
    </row>
    <row r="11" spans="1:7" s="73" customFormat="1" ht="15" customHeight="1" x14ac:dyDescent="0.2">
      <c r="A11" s="927"/>
      <c r="B11" s="922" t="s">
        <v>765</v>
      </c>
      <c r="C11" s="924"/>
      <c r="D11" s="867" t="s">
        <v>940</v>
      </c>
      <c r="E11" s="993"/>
      <c r="F11" s="867" t="s">
        <v>941</v>
      </c>
      <c r="G11" s="993"/>
    </row>
    <row r="12" spans="1:7" s="73" customFormat="1" ht="15" customHeight="1" x14ac:dyDescent="0.2">
      <c r="A12" s="928"/>
      <c r="B12" s="952" t="s">
        <v>116</v>
      </c>
      <c r="C12" s="953"/>
      <c r="D12" s="994" t="s">
        <v>117</v>
      </c>
      <c r="E12" s="881"/>
      <c r="F12" s="880" t="s">
        <v>152</v>
      </c>
      <c r="G12" s="994"/>
    </row>
    <row r="13" spans="1:7" s="73" customFormat="1" ht="10.5" x14ac:dyDescent="0.2">
      <c r="A13" s="166" t="s">
        <v>558</v>
      </c>
      <c r="B13" s="845">
        <v>8602359025.3500004</v>
      </c>
      <c r="C13" s="884"/>
      <c r="D13" s="845">
        <v>9011713709.9599991</v>
      </c>
      <c r="E13" s="884"/>
      <c r="F13" s="845">
        <v>9026222019.1700001</v>
      </c>
      <c r="G13" s="846"/>
    </row>
    <row r="14" spans="1:7" s="73" customFormat="1" ht="10.5" x14ac:dyDescent="0.2">
      <c r="A14" s="166" t="s">
        <v>184</v>
      </c>
      <c r="B14" s="851">
        <v>609938356.01999998</v>
      </c>
      <c r="C14" s="887"/>
      <c r="D14" s="851">
        <v>1695312551.22</v>
      </c>
      <c r="E14" s="887"/>
      <c r="F14" s="851">
        <v>1398759873.6299999</v>
      </c>
      <c r="G14" s="852"/>
    </row>
    <row r="15" spans="1:7" ht="10.5" x14ac:dyDescent="0.2">
      <c r="A15" s="181" t="s">
        <v>559</v>
      </c>
      <c r="B15" s="835">
        <v>755342169.38999999</v>
      </c>
      <c r="C15" s="888"/>
      <c r="D15" s="835">
        <v>1734394151.54</v>
      </c>
      <c r="E15" s="888"/>
      <c r="F15" s="835">
        <v>1435283492.02</v>
      </c>
      <c r="G15" s="836"/>
    </row>
    <row r="16" spans="1:7" ht="10.5" x14ac:dyDescent="0.2">
      <c r="A16" s="181" t="s">
        <v>560</v>
      </c>
      <c r="B16" s="835">
        <v>0</v>
      </c>
      <c r="C16" s="888"/>
      <c r="D16" s="835">
        <v>0</v>
      </c>
      <c r="E16" s="888"/>
      <c r="F16" s="835">
        <v>0</v>
      </c>
      <c r="G16" s="836"/>
    </row>
    <row r="17" spans="1:7" ht="10.5" x14ac:dyDescent="0.2">
      <c r="A17" s="181" t="s">
        <v>561</v>
      </c>
      <c r="B17" s="835">
        <v>145403813.37</v>
      </c>
      <c r="C17" s="888"/>
      <c r="D17" s="835">
        <v>39081600.32</v>
      </c>
      <c r="E17" s="888"/>
      <c r="F17" s="835">
        <v>36523618.390000001</v>
      </c>
      <c r="G17" s="836"/>
    </row>
    <row r="18" spans="1:7" s="73" customFormat="1" ht="10.5" x14ac:dyDescent="0.2">
      <c r="A18" s="166" t="s">
        <v>562</v>
      </c>
      <c r="B18" s="851">
        <v>7992420669.3299999</v>
      </c>
      <c r="C18" s="887"/>
      <c r="D18" s="851">
        <v>7316401158.7399988</v>
      </c>
      <c r="E18" s="887"/>
      <c r="F18" s="851">
        <v>7627462145.54</v>
      </c>
      <c r="G18" s="852"/>
    </row>
    <row r="19" spans="1:7" s="73" customFormat="1" ht="10.5" x14ac:dyDescent="0.2">
      <c r="A19" s="166" t="s">
        <v>563</v>
      </c>
      <c r="B19" s="851">
        <v>0</v>
      </c>
      <c r="C19" s="887"/>
      <c r="D19" s="851">
        <v>0</v>
      </c>
      <c r="E19" s="887"/>
      <c r="F19" s="851">
        <v>0</v>
      </c>
      <c r="G19" s="852"/>
    </row>
    <row r="20" spans="1:7" s="73" customFormat="1" ht="10.5" x14ac:dyDescent="0.2">
      <c r="A20" s="166" t="s">
        <v>564</v>
      </c>
      <c r="B20" s="851">
        <v>94123805.310000002</v>
      </c>
      <c r="C20" s="887"/>
      <c r="D20" s="851">
        <v>93677632.959999993</v>
      </c>
      <c r="E20" s="887"/>
      <c r="F20" s="893">
        <v>93431090.909999996</v>
      </c>
      <c r="G20" s="894"/>
    </row>
    <row r="21" spans="1:7" s="73" customFormat="1" ht="15" customHeight="1" x14ac:dyDescent="0.2">
      <c r="A21" s="124" t="s">
        <v>565</v>
      </c>
      <c r="B21" s="860">
        <v>7898296864.0199995</v>
      </c>
      <c r="C21" s="960"/>
      <c r="D21" s="860">
        <v>7222723525.7799988</v>
      </c>
      <c r="E21" s="960"/>
      <c r="F21" s="860">
        <v>7534031054.6300001</v>
      </c>
      <c r="G21" s="861"/>
    </row>
    <row r="22" spans="1:7" ht="10.5" x14ac:dyDescent="0.2">
      <c r="B22" s="50"/>
      <c r="C22" s="50"/>
      <c r="D22" s="50"/>
      <c r="E22" s="50"/>
      <c r="F22" s="50"/>
      <c r="G22" s="50"/>
    </row>
    <row r="23" spans="1:7" s="73" customFormat="1" ht="15" customHeight="1" x14ac:dyDescent="0.2">
      <c r="A23" s="119"/>
      <c r="B23" s="873" t="s">
        <v>208</v>
      </c>
      <c r="C23" s="874"/>
      <c r="D23" s="874"/>
      <c r="E23" s="874"/>
      <c r="F23" s="874"/>
      <c r="G23" s="874"/>
    </row>
    <row r="24" spans="1:7" s="73" customFormat="1" ht="15" customHeight="1" x14ac:dyDescent="0.2">
      <c r="A24" s="179" t="s">
        <v>566</v>
      </c>
      <c r="B24" s="176"/>
      <c r="C24" s="177" t="s">
        <v>113</v>
      </c>
      <c r="D24" s="178"/>
      <c r="E24" s="176"/>
      <c r="F24" s="177" t="s">
        <v>115</v>
      </c>
      <c r="G24" s="177"/>
    </row>
    <row r="25" spans="1:7" s="73" customFormat="1" ht="15" customHeight="1" x14ac:dyDescent="0.2">
      <c r="A25" s="55"/>
      <c r="B25" s="18"/>
      <c r="C25" s="523" t="s">
        <v>567</v>
      </c>
      <c r="D25" s="175"/>
      <c r="E25" s="18"/>
      <c r="F25" s="523" t="s">
        <v>568</v>
      </c>
      <c r="G25" s="193"/>
    </row>
    <row r="26" spans="1:7" s="73" customFormat="1" ht="15" customHeight="1" x14ac:dyDescent="0.2">
      <c r="A26" s="180" t="s">
        <v>209</v>
      </c>
      <c r="B26" s="1003">
        <v>311307528.85000134</v>
      </c>
      <c r="C26" s="1004"/>
      <c r="D26" s="1005"/>
      <c r="E26" s="1003">
        <v>-364265809.38999939</v>
      </c>
      <c r="F26" s="1004"/>
      <c r="G26" s="1004"/>
    </row>
    <row r="27" spans="1:7" ht="10.5" x14ac:dyDescent="0.2">
      <c r="B27" s="50"/>
      <c r="C27" s="50"/>
      <c r="D27" s="63"/>
      <c r="E27" s="63"/>
      <c r="F27" s="50"/>
      <c r="G27" s="50"/>
    </row>
    <row r="28" spans="1:7" s="73" customFormat="1" ht="15" customHeight="1" x14ac:dyDescent="0.2">
      <c r="A28" s="923" t="s">
        <v>569</v>
      </c>
      <c r="B28" s="923"/>
      <c r="C28" s="923"/>
      <c r="D28" s="924"/>
      <c r="E28" s="976" t="s">
        <v>570</v>
      </c>
      <c r="F28" s="970"/>
      <c r="G28" s="970"/>
    </row>
    <row r="29" spans="1:7" s="73" customFormat="1" ht="15" customHeight="1" x14ac:dyDescent="0.2">
      <c r="A29" s="991" t="s">
        <v>764</v>
      </c>
      <c r="B29" s="991"/>
      <c r="C29" s="991"/>
      <c r="D29" s="992"/>
      <c r="E29" s="989">
        <v>-279873000</v>
      </c>
      <c r="F29" s="990"/>
      <c r="G29" s="990"/>
    </row>
    <row r="30" spans="1:7" ht="10.5" x14ac:dyDescent="0.2">
      <c r="A30" s="26"/>
      <c r="B30" s="26"/>
      <c r="C30" s="26"/>
      <c r="D30" s="26"/>
      <c r="E30" s="71"/>
      <c r="F30" s="71"/>
      <c r="G30" s="71"/>
    </row>
    <row r="31" spans="1:7" s="73" customFormat="1" ht="15" customHeight="1" x14ac:dyDescent="0.2">
      <c r="A31" s="874" t="s">
        <v>571</v>
      </c>
      <c r="B31" s="874"/>
      <c r="C31" s="874"/>
      <c r="D31" s="874"/>
      <c r="E31" s="874"/>
      <c r="F31" s="874"/>
      <c r="G31" s="874"/>
    </row>
    <row r="32" spans="1:7" s="73" customFormat="1" ht="15" customHeight="1" x14ac:dyDescent="0.2">
      <c r="A32" s="119"/>
      <c r="B32" s="964" t="s">
        <v>161</v>
      </c>
      <c r="C32" s="962"/>
      <c r="D32" s="962"/>
      <c r="E32" s="962"/>
      <c r="F32" s="962"/>
      <c r="G32" s="962"/>
    </row>
    <row r="33" spans="1:7" s="73" customFormat="1" ht="15" customHeight="1" x14ac:dyDescent="0.2">
      <c r="A33" s="179" t="s">
        <v>572</v>
      </c>
      <c r="B33" s="922" t="s">
        <v>765</v>
      </c>
      <c r="C33" s="924"/>
      <c r="D33" s="867" t="s">
        <v>940</v>
      </c>
      <c r="E33" s="993"/>
      <c r="F33" s="867" t="s">
        <v>941</v>
      </c>
      <c r="G33" s="993"/>
    </row>
    <row r="34" spans="1:7" s="73" customFormat="1" ht="15" customHeight="1" x14ac:dyDescent="0.2">
      <c r="A34" s="55"/>
      <c r="B34" s="952" t="s">
        <v>116</v>
      </c>
      <c r="C34" s="953"/>
      <c r="D34" s="994" t="s">
        <v>117</v>
      </c>
      <c r="E34" s="881"/>
      <c r="F34" s="880" t="s">
        <v>152</v>
      </c>
      <c r="G34" s="994"/>
    </row>
    <row r="35" spans="1:7" s="73" customFormat="1" ht="10.5" x14ac:dyDescent="0.2">
      <c r="A35" s="73" t="s">
        <v>573</v>
      </c>
      <c r="B35" s="995">
        <v>44598835.219999999</v>
      </c>
      <c r="C35" s="996"/>
      <c r="D35" s="995">
        <v>44598835.219999999</v>
      </c>
      <c r="E35" s="996"/>
      <c r="F35" s="995">
        <v>44598835.219999999</v>
      </c>
      <c r="G35" s="997"/>
    </row>
    <row r="36" spans="1:7" ht="10.5" x14ac:dyDescent="0.2">
      <c r="A36" s="182" t="s">
        <v>574</v>
      </c>
      <c r="B36" s="882">
        <v>44598835.219999999</v>
      </c>
      <c r="C36" s="883"/>
      <c r="D36" s="882">
        <v>44598835.219999999</v>
      </c>
      <c r="E36" s="883"/>
      <c r="F36" s="882">
        <v>44598835.219999999</v>
      </c>
      <c r="G36" s="998"/>
    </row>
    <row r="37" spans="1:7" ht="10.5" x14ac:dyDescent="0.2">
      <c r="A37" s="182" t="s">
        <v>575</v>
      </c>
      <c r="B37" s="882">
        <v>0</v>
      </c>
      <c r="C37" s="883"/>
      <c r="D37" s="882">
        <v>0</v>
      </c>
      <c r="E37" s="883"/>
      <c r="F37" s="882">
        <v>0</v>
      </c>
      <c r="G37" s="998"/>
    </row>
    <row r="38" spans="1:7" s="73" customFormat="1" ht="10.5" x14ac:dyDescent="0.2">
      <c r="A38" s="73" t="s">
        <v>576</v>
      </c>
      <c r="B38" s="885">
        <v>32803010.439999998</v>
      </c>
      <c r="C38" s="886"/>
      <c r="D38" s="885">
        <v>676227556.65999997</v>
      </c>
      <c r="E38" s="886"/>
      <c r="F38" s="885">
        <v>558260090.15999997</v>
      </c>
      <c r="G38" s="999"/>
    </row>
    <row r="39" spans="1:7" ht="10.5" x14ac:dyDescent="0.2">
      <c r="A39" s="182" t="s">
        <v>577</v>
      </c>
      <c r="B39" s="882">
        <v>564137.87</v>
      </c>
      <c r="C39" s="883"/>
      <c r="D39" s="882">
        <v>71874916.120000005</v>
      </c>
      <c r="E39" s="883"/>
      <c r="F39" s="882">
        <v>27758385.850000001</v>
      </c>
      <c r="G39" s="998"/>
    </row>
    <row r="40" spans="1:7" ht="10.5" x14ac:dyDescent="0.2">
      <c r="A40" s="182" t="s">
        <v>578</v>
      </c>
      <c r="B40" s="882">
        <v>44034697.350000001</v>
      </c>
      <c r="C40" s="883"/>
      <c r="D40" s="882">
        <v>605886098.00999999</v>
      </c>
      <c r="E40" s="883"/>
      <c r="F40" s="882">
        <v>532035161.77999997</v>
      </c>
      <c r="G40" s="998"/>
    </row>
    <row r="41" spans="1:7" ht="10.5" x14ac:dyDescent="0.2">
      <c r="A41" s="182" t="s">
        <v>560</v>
      </c>
      <c r="B41" s="882">
        <v>0</v>
      </c>
      <c r="C41" s="883"/>
      <c r="D41" s="882">
        <v>0</v>
      </c>
      <c r="E41" s="883"/>
      <c r="F41" s="882">
        <v>0</v>
      </c>
      <c r="G41" s="998"/>
    </row>
    <row r="42" spans="1:7" ht="10.5" x14ac:dyDescent="0.2">
      <c r="A42" s="182" t="s">
        <v>579</v>
      </c>
      <c r="B42" s="882">
        <v>11795824.779999999</v>
      </c>
      <c r="C42" s="883"/>
      <c r="D42" s="882">
        <v>1533457.47</v>
      </c>
      <c r="E42" s="883"/>
      <c r="F42" s="882">
        <v>1533457.47</v>
      </c>
      <c r="G42" s="998"/>
    </row>
    <row r="43" spans="1:7" s="73" customFormat="1" ht="12.75" customHeight="1" x14ac:dyDescent="0.2">
      <c r="A43" s="73" t="s">
        <v>580</v>
      </c>
      <c r="B43" s="1006">
        <v>11795824.780000001</v>
      </c>
      <c r="C43" s="1007"/>
      <c r="D43" s="1006">
        <v>-631628721.43999994</v>
      </c>
      <c r="E43" s="1007"/>
      <c r="F43" s="1006">
        <v>-513661254.93999994</v>
      </c>
      <c r="G43" s="1008"/>
    </row>
    <row r="44" spans="1:7" s="73" customFormat="1" ht="13.5" customHeight="1" x14ac:dyDescent="0.2">
      <c r="A44" s="73" t="s">
        <v>581</v>
      </c>
      <c r="B44" s="885"/>
      <c r="C44" s="886"/>
      <c r="D44" s="885"/>
      <c r="E44" s="886"/>
      <c r="F44" s="885"/>
      <c r="G44" s="999"/>
    </row>
    <row r="45" spans="1:7" s="73" customFormat="1" ht="15" customHeight="1" x14ac:dyDescent="0.2">
      <c r="A45" s="124" t="s">
        <v>582</v>
      </c>
      <c r="B45" s="1000">
        <v>11795824.780000001</v>
      </c>
      <c r="C45" s="1001"/>
      <c r="D45" s="1000">
        <v>-631628721.43999994</v>
      </c>
      <c r="E45" s="1001"/>
      <c r="F45" s="1000">
        <v>-513661254.93999994</v>
      </c>
      <c r="G45" s="1002"/>
    </row>
    <row r="46" spans="1:7" ht="12.75" customHeight="1" x14ac:dyDescent="0.2">
      <c r="A46" s="50" t="s">
        <v>863</v>
      </c>
      <c r="B46" s="81"/>
      <c r="C46" s="81"/>
      <c r="D46" s="81"/>
      <c r="E46" s="81"/>
      <c r="F46" s="81"/>
      <c r="G46" s="323"/>
    </row>
    <row r="47" spans="1:7" ht="11.25" customHeight="1" x14ac:dyDescent="0.2">
      <c r="A47" s="190"/>
    </row>
    <row r="48" spans="1:7" s="228" customFormat="1" ht="11.25" customHeight="1" x14ac:dyDescent="0.2"/>
    <row r="49" s="228" customFormat="1" ht="11.25" customHeight="1" x14ac:dyDescent="0.2"/>
    <row r="50" s="228" customFormat="1" ht="11.25" customHeight="1" x14ac:dyDescent="0.2"/>
    <row r="51" s="228" customFormat="1" ht="11.25" customHeight="1" x14ac:dyDescent="0.2"/>
    <row r="53" s="50" customFormat="1" ht="11.25" customHeight="1" x14ac:dyDescent="0.2"/>
    <row r="54" s="50" customFormat="1" ht="11.25" customHeight="1" x14ac:dyDescent="0.2"/>
    <row r="55" s="50" customFormat="1" ht="11.25" customHeight="1" x14ac:dyDescent="0.2"/>
    <row r="56" s="50" customFormat="1" ht="11.25" customHeight="1" x14ac:dyDescent="0.2"/>
    <row r="57" s="50" customFormat="1" ht="11.25" customHeight="1" x14ac:dyDescent="0.2"/>
    <row r="58" s="50" customFormat="1" ht="11.25" customHeight="1" x14ac:dyDescent="0.2"/>
    <row r="59" s="50" customFormat="1" ht="11.25" customHeight="1" x14ac:dyDescent="0.2"/>
  </sheetData>
  <customSheetViews>
    <customSheetView guid="{6DBFA32C-4AA4-4E1D-9A48-697377C64CC3}" showPageBreaks="1" showGridLines="0" fitToPage="1" printArea="1" topLeftCell="H22">
      <selection activeCell="C52" sqref="C52"/>
      <pageMargins left="0.19685039370078741" right="0.19685039370078741" top="0.39370078740157483" bottom="0.39370078740157483" header="0" footer="0"/>
      <printOptions horizontalCentered="1"/>
      <pageSetup paperSize="9" scale="67" orientation="portrait" r:id="rId1"/>
      <headerFooter alignWithMargins="0"/>
    </customSheetView>
    <customSheetView guid="{25EF1E0D-169B-4051-B414-7E1196FC05E4}" showPageBreaks="1" showGridLines="0" fitToPage="1" printArea="1" topLeftCell="B7">
      <selection activeCell="F18" sqref="F18:G18"/>
      <pageMargins left="0.19685039370078741" right="0.19685039370078741" top="0.19685039370078741" bottom="0.19685039370078741" header="0.51181102362204722" footer="0"/>
      <printOptions horizontalCentered="1"/>
      <pageSetup paperSize="9" scale="66" orientation="portrait" r:id="rId2"/>
      <headerFooter alignWithMargins="0"/>
    </customSheetView>
    <customSheetView guid="{82EDB5A4-4824-4632-A540-7A52C92F04C7}" showPageBreaks="1" showGridLines="0" fitToPage="1" printArea="1" topLeftCell="G22">
      <selection activeCell="P47" sqref="P47"/>
      <pageMargins left="0.19685039370078741" right="0.19685039370078741" top="0.39370078740157483" bottom="0.39370078740157483" header="0" footer="0"/>
      <printOptions horizontalCentered="1"/>
      <pageSetup paperSize="9" scale="67" orientation="portrait" r:id="rId3"/>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4"/>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5"/>
      <headerFooter alignWithMargins="0"/>
    </customSheetView>
    <customSheetView guid="{3AAF6A5F-F9AA-430B-9AD9-1261ECDF41B5}" showPageBreaks="1" showGridLines="0" fitToPage="1" printArea="1" topLeftCell="A5">
      <selection activeCell="E50" sqref="E50"/>
      <pageMargins left="0.19685039370078741" right="0.19685039370078741" top="0.59055118110236227" bottom="0.19685039370078741" header="0" footer="0"/>
      <printOptions horizontalCentered="1"/>
      <pageSetup paperSize="9" scale="66" orientation="portrait" r:id="rId6"/>
      <headerFooter alignWithMargins="0"/>
    </customSheetView>
    <customSheetView guid="{C779D862-DE28-46CD-A428-4AAA1056D1E1}" showGridLines="0" fitToPage="1" topLeftCell="A22">
      <selection activeCell="B45" sqref="B45:C45"/>
      <pageMargins left="0.19685039370078741" right="0.19685039370078741" top="0.59055118110236227" bottom="0.19685039370078741" header="0" footer="0"/>
      <printOptions horizontalCentered="1"/>
      <pageSetup paperSize="9" scale="66" orientation="portrait" r:id="rId7"/>
      <headerFooter alignWithMargins="0"/>
    </customSheetView>
  </customSheetViews>
  <mergeCells count="88">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41:G41"/>
    <mergeCell ref="B42:C42"/>
    <mergeCell ref="D42:E42"/>
    <mergeCell ref="F42:G42"/>
    <mergeCell ref="B39:C39"/>
    <mergeCell ref="D39:E39"/>
    <mergeCell ref="F39:G39"/>
    <mergeCell ref="B40:C40"/>
    <mergeCell ref="D40:E40"/>
    <mergeCell ref="F40:G40"/>
    <mergeCell ref="B37:C37"/>
    <mergeCell ref="D37:E37"/>
    <mergeCell ref="F37:G37"/>
    <mergeCell ref="B38:C38"/>
    <mergeCell ref="D38:E38"/>
    <mergeCell ref="F38:G38"/>
    <mergeCell ref="B35:C35"/>
    <mergeCell ref="D35:E35"/>
    <mergeCell ref="F35:G35"/>
    <mergeCell ref="B36:C36"/>
    <mergeCell ref="D36:E36"/>
    <mergeCell ref="F36:G36"/>
    <mergeCell ref="B33:C33"/>
    <mergeCell ref="D33:E33"/>
    <mergeCell ref="F33:G33"/>
    <mergeCell ref="B34:C34"/>
    <mergeCell ref="D34:E34"/>
    <mergeCell ref="F34:G34"/>
    <mergeCell ref="F15:G15"/>
    <mergeCell ref="B16:C16"/>
    <mergeCell ref="D16:E16"/>
    <mergeCell ref="F16:G16"/>
    <mergeCell ref="B21:C21"/>
    <mergeCell ref="D21:E21"/>
    <mergeCell ref="F21:G21"/>
    <mergeCell ref="A3:G3"/>
    <mergeCell ref="A4:G4"/>
    <mergeCell ref="A5:G5"/>
    <mergeCell ref="A6:G6"/>
    <mergeCell ref="A7:G7"/>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s>
  <printOptions horizontalCentered="1"/>
  <pageMargins left="0.19685039370078741" right="0.19685039370078741" top="0.59055118110236227" bottom="0.19685039370078741" header="0" footer="0"/>
  <pageSetup paperSize="9" scale="66" orientation="portrait" r:id="rId8"/>
  <headerFooter alignWithMargins="0"/>
  <drawing r:id="rId9"/>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tabColor rgb="FF00B050"/>
    <pageSetUpPr fitToPage="1"/>
  </sheetPr>
  <dimension ref="A1:H88"/>
  <sheetViews>
    <sheetView showGridLines="0" zoomScaleNormal="100" workbookViewId="0"/>
  </sheetViews>
  <sheetFormatPr defaultColWidth="9.140625" defaultRowHeight="11.25" customHeight="1" x14ac:dyDescent="0.2"/>
  <cols>
    <col min="1" max="1" width="59.28515625" style="21" customWidth="1"/>
    <col min="2" max="2" width="20.5703125" style="21" bestFit="1" customWidth="1"/>
    <col min="3" max="3" width="20.28515625" style="227" bestFit="1" customWidth="1"/>
    <col min="4" max="4" width="19.85546875" style="21" customWidth="1"/>
    <col min="5" max="5" width="20.140625" style="21" bestFit="1" customWidth="1"/>
    <col min="6" max="6" width="22.28515625" style="21" customWidth="1"/>
    <col min="7" max="7" width="19" style="21" customWidth="1"/>
    <col min="8" max="8" width="18.85546875" style="21" hidden="1" customWidth="1"/>
    <col min="9" max="16384" width="9.140625" style="21"/>
  </cols>
  <sheetData>
    <row r="1" spans="1:8" s="51" customFormat="1" ht="11.25" customHeight="1" x14ac:dyDescent="0.2">
      <c r="A1" s="318"/>
      <c r="B1" s="318"/>
      <c r="C1" s="318"/>
      <c r="D1" s="318"/>
      <c r="E1" s="318"/>
      <c r="F1" s="318"/>
      <c r="G1" s="318"/>
      <c r="H1" s="318"/>
    </row>
    <row r="2" spans="1:8" s="51" customFormat="1" ht="11.25" customHeight="1" x14ac:dyDescent="0.2">
      <c r="A2" s="27"/>
      <c r="B2" s="27"/>
      <c r="C2" s="122"/>
      <c r="D2" s="27"/>
    </row>
    <row r="3" spans="1:8" s="217" customFormat="1" ht="11.25" customHeight="1" x14ac:dyDescent="0.2">
      <c r="A3" s="864" t="s">
        <v>641</v>
      </c>
      <c r="B3" s="864"/>
      <c r="C3" s="864"/>
      <c r="D3" s="864"/>
      <c r="E3" s="864"/>
      <c r="F3" s="864"/>
      <c r="G3" s="864"/>
      <c r="H3" s="864"/>
    </row>
    <row r="4" spans="1:8" s="217" customFormat="1" ht="11.25" customHeight="1" x14ac:dyDescent="0.2">
      <c r="A4" s="864" t="s">
        <v>105</v>
      </c>
      <c r="B4" s="864"/>
      <c r="C4" s="864"/>
      <c r="D4" s="864"/>
      <c r="E4" s="864"/>
      <c r="F4" s="864"/>
      <c r="G4" s="864"/>
      <c r="H4" s="864"/>
    </row>
    <row r="5" spans="1:8" s="217" customFormat="1" ht="11.25" customHeight="1" x14ac:dyDescent="0.2">
      <c r="A5" s="864" t="s">
        <v>583</v>
      </c>
      <c r="B5" s="864"/>
      <c r="C5" s="864"/>
      <c r="D5" s="864"/>
      <c r="E5" s="864"/>
      <c r="F5" s="864"/>
      <c r="G5" s="864"/>
      <c r="H5" s="864"/>
    </row>
    <row r="6" spans="1:8" s="217" customFormat="1" ht="11.25" customHeight="1" x14ac:dyDescent="0.2">
      <c r="A6" s="864" t="s">
        <v>107</v>
      </c>
      <c r="B6" s="864"/>
      <c r="C6" s="864"/>
      <c r="D6" s="864"/>
      <c r="E6" s="864"/>
      <c r="F6" s="864"/>
      <c r="G6" s="864"/>
      <c r="H6" s="864"/>
    </row>
    <row r="7" spans="1:8" s="217" customFormat="1" ht="11.25" customHeight="1" x14ac:dyDescent="0.2">
      <c r="A7" s="864" t="s">
        <v>881</v>
      </c>
      <c r="B7" s="864"/>
      <c r="C7" s="864"/>
      <c r="D7" s="864"/>
      <c r="E7" s="864"/>
      <c r="F7" s="864"/>
      <c r="G7" s="864"/>
      <c r="H7" s="864"/>
    </row>
    <row r="8" spans="1:8" s="51" customFormat="1" ht="11.25" customHeight="1" x14ac:dyDescent="0.2">
      <c r="A8" s="27"/>
      <c r="B8" s="334"/>
      <c r="C8" s="334"/>
      <c r="D8" s="27"/>
      <c r="E8" s="553"/>
    </row>
    <row r="9" spans="1:8" s="51" customFormat="1" ht="11.25" customHeight="1" x14ac:dyDescent="0.2">
      <c r="A9" s="149" t="s">
        <v>584</v>
      </c>
      <c r="B9" s="408"/>
      <c r="C9" s="407"/>
      <c r="D9" s="602"/>
      <c r="E9" s="602"/>
      <c r="H9" s="240">
        <v>1</v>
      </c>
    </row>
    <row r="10" spans="1:8" s="222" customFormat="1" ht="16.5" customHeight="1" x14ac:dyDescent="0.2">
      <c r="A10" s="855" t="s">
        <v>585</v>
      </c>
      <c r="B10" s="922" t="s">
        <v>235</v>
      </c>
      <c r="C10" s="924"/>
      <c r="D10" s="964" t="s">
        <v>109</v>
      </c>
      <c r="E10" s="962"/>
      <c r="F10" s="962"/>
      <c r="G10" s="962"/>
      <c r="H10" s="962"/>
    </row>
    <row r="11" spans="1:8" s="222" customFormat="1" ht="18" customHeight="1" x14ac:dyDescent="0.2">
      <c r="A11" s="856"/>
      <c r="B11" s="954"/>
      <c r="C11" s="927"/>
      <c r="D11" s="922" t="s">
        <v>115</v>
      </c>
      <c r="E11" s="923"/>
      <c r="F11" s="925" t="s">
        <v>115</v>
      </c>
      <c r="G11" s="925"/>
      <c r="H11" s="922"/>
    </row>
    <row r="12" spans="1:8" s="222" customFormat="1" ht="18" customHeight="1" x14ac:dyDescent="0.2">
      <c r="A12" s="857"/>
      <c r="B12" s="955"/>
      <c r="C12" s="928"/>
      <c r="D12" s="952">
        <v>2015</v>
      </c>
      <c r="E12" s="971"/>
      <c r="F12" s="926">
        <v>2014</v>
      </c>
      <c r="G12" s="926"/>
      <c r="H12" s="955"/>
    </row>
    <row r="13" spans="1:8" s="222" customFormat="1" ht="11.25" customHeight="1" x14ac:dyDescent="0.2">
      <c r="A13" s="69" t="s">
        <v>586</v>
      </c>
      <c r="B13" s="1022">
        <v>13648876721.489998</v>
      </c>
      <c r="C13" s="1023"/>
      <c r="D13" s="1022">
        <v>12436692514.759998</v>
      </c>
      <c r="E13" s="1023"/>
      <c r="F13" s="911">
        <v>11652703297.419998</v>
      </c>
      <c r="G13" s="1024"/>
      <c r="H13" s="1024"/>
    </row>
    <row r="14" spans="1:8" ht="11.25" customHeight="1" x14ac:dyDescent="0.2">
      <c r="A14" s="63" t="s">
        <v>587</v>
      </c>
      <c r="B14" s="1018">
        <v>7288853292.9799995</v>
      </c>
      <c r="C14" s="1019"/>
      <c r="D14" s="1018">
        <v>7154247272.0599995</v>
      </c>
      <c r="E14" s="1019"/>
      <c r="F14" s="909">
        <v>6897107177.0899992</v>
      </c>
      <c r="G14" s="1017"/>
      <c r="H14" s="1017"/>
    </row>
    <row r="15" spans="1:8" ht="11.25" customHeight="1" x14ac:dyDescent="0.2">
      <c r="A15" s="122" t="s">
        <v>419</v>
      </c>
      <c r="B15" s="1018">
        <v>5724506000</v>
      </c>
      <c r="C15" s="1019"/>
      <c r="D15" s="1018">
        <v>5883707736.5799999</v>
      </c>
      <c r="E15" s="1019"/>
      <c r="F15" s="909">
        <v>5746149763.0699997</v>
      </c>
      <c r="G15" s="1017"/>
      <c r="H15" s="1017"/>
    </row>
    <row r="16" spans="1:8" ht="11.25" customHeight="1" x14ac:dyDescent="0.2">
      <c r="A16" s="122" t="s">
        <v>420</v>
      </c>
      <c r="B16" s="1018">
        <v>295507000</v>
      </c>
      <c r="C16" s="1019"/>
      <c r="D16" s="1018">
        <v>314723910.68000001</v>
      </c>
      <c r="E16" s="1019"/>
      <c r="F16" s="909">
        <v>292248385.20999998</v>
      </c>
      <c r="G16" s="1017"/>
      <c r="H16" s="1017"/>
    </row>
    <row r="17" spans="1:8" ht="11.25" customHeight="1" x14ac:dyDescent="0.2">
      <c r="A17" s="122" t="s">
        <v>421</v>
      </c>
      <c r="B17" s="1018">
        <v>84640000</v>
      </c>
      <c r="C17" s="1019"/>
      <c r="D17" s="1020">
        <v>92800155.060000002</v>
      </c>
      <c r="E17" s="1019"/>
      <c r="F17" s="909">
        <v>75801463.079999998</v>
      </c>
      <c r="G17" s="1017"/>
      <c r="H17" s="1017"/>
    </row>
    <row r="18" spans="1:8" ht="11.25" customHeight="1" x14ac:dyDescent="0.2">
      <c r="A18" s="122" t="s">
        <v>418</v>
      </c>
      <c r="B18" s="1018">
        <v>510400000</v>
      </c>
      <c r="C18" s="1019"/>
      <c r="D18" s="1018">
        <v>573615089.67000008</v>
      </c>
      <c r="E18" s="1019"/>
      <c r="F18" s="909">
        <v>526250364.52999997</v>
      </c>
      <c r="G18" s="1017"/>
      <c r="H18" s="1017"/>
    </row>
    <row r="19" spans="1:8" ht="11.25" customHeight="1" x14ac:dyDescent="0.2">
      <c r="A19" s="123" t="s">
        <v>422</v>
      </c>
      <c r="B19" s="1018">
        <v>673800292.97999954</v>
      </c>
      <c r="C19" s="1019"/>
      <c r="D19" s="1018">
        <v>289400380.06999874</v>
      </c>
      <c r="E19" s="1019"/>
      <c r="F19" s="909">
        <v>256657201.19999999</v>
      </c>
      <c r="G19" s="1017"/>
      <c r="H19" s="1017"/>
    </row>
    <row r="20" spans="1:8" ht="11.25" customHeight="1" x14ac:dyDescent="0.2">
      <c r="A20" s="63" t="s">
        <v>588</v>
      </c>
      <c r="B20" s="1018">
        <v>1568492900</v>
      </c>
      <c r="C20" s="1019"/>
      <c r="D20" s="1018">
        <v>1258317959.74</v>
      </c>
      <c r="E20" s="1019"/>
      <c r="F20" s="909">
        <v>340833879.44</v>
      </c>
      <c r="G20" s="1017"/>
      <c r="H20" s="1017"/>
    </row>
    <row r="21" spans="1:8" ht="11.25" customHeight="1" x14ac:dyDescent="0.2">
      <c r="A21" s="63" t="s">
        <v>589</v>
      </c>
      <c r="B21" s="1018">
        <v>1568492900</v>
      </c>
      <c r="C21" s="1019"/>
      <c r="D21" s="1018">
        <v>1258317959.74</v>
      </c>
      <c r="E21" s="1019"/>
      <c r="F21" s="909">
        <v>339959018.19</v>
      </c>
      <c r="G21" s="1017"/>
      <c r="H21" s="1017"/>
    </row>
    <row r="22" spans="1:8" ht="11.25" customHeight="1" x14ac:dyDescent="0.2">
      <c r="A22" s="63" t="s">
        <v>155</v>
      </c>
      <c r="B22" s="1018">
        <v>0</v>
      </c>
      <c r="C22" s="1019"/>
      <c r="D22" s="1018">
        <v>0</v>
      </c>
      <c r="E22" s="1019"/>
      <c r="F22" s="909">
        <v>874861.25</v>
      </c>
      <c r="G22" s="1017"/>
      <c r="H22" s="1017"/>
    </row>
    <row r="23" spans="1:8" ht="11.25" customHeight="1" x14ac:dyDescent="0.2">
      <c r="A23" s="63" t="s">
        <v>590</v>
      </c>
      <c r="B23" s="1018">
        <v>141763301.05000001</v>
      </c>
      <c r="C23" s="1019"/>
      <c r="D23" s="1018">
        <v>11537924.459999979</v>
      </c>
      <c r="E23" s="1019"/>
      <c r="F23" s="909">
        <v>34307564.409999996</v>
      </c>
      <c r="G23" s="1017"/>
      <c r="H23" s="1017"/>
    </row>
    <row r="24" spans="1:8" ht="11.25" customHeight="1" x14ac:dyDescent="0.2">
      <c r="A24" s="63" t="s">
        <v>312</v>
      </c>
      <c r="B24" s="1018">
        <v>209157701.05000001</v>
      </c>
      <c r="C24" s="1019"/>
      <c r="D24" s="1018">
        <v>151030249.75999999</v>
      </c>
      <c r="E24" s="1019"/>
      <c r="F24" s="909">
        <v>134006470.55</v>
      </c>
      <c r="G24" s="1017"/>
      <c r="H24" s="1017"/>
    </row>
    <row r="25" spans="1:8" ht="11.25" customHeight="1" x14ac:dyDescent="0.2">
      <c r="A25" s="63" t="s">
        <v>591</v>
      </c>
      <c r="B25" s="1018">
        <v>67394400</v>
      </c>
      <c r="C25" s="1019"/>
      <c r="D25" s="1018">
        <v>139492325.30000001</v>
      </c>
      <c r="E25" s="1019"/>
      <c r="F25" s="909">
        <v>99698906.140000001</v>
      </c>
      <c r="G25" s="1017"/>
      <c r="H25" s="1017"/>
    </row>
    <row r="26" spans="1:8" ht="11.25" customHeight="1" x14ac:dyDescent="0.2">
      <c r="A26" s="63" t="s">
        <v>182</v>
      </c>
      <c r="B26" s="1018">
        <v>2984392800</v>
      </c>
      <c r="C26" s="1019"/>
      <c r="D26" s="1018">
        <v>2382348045.21</v>
      </c>
      <c r="E26" s="1019"/>
      <c r="F26" s="909">
        <v>2336877309.25</v>
      </c>
      <c r="G26" s="1017"/>
      <c r="H26" s="1017"/>
    </row>
    <row r="27" spans="1:8" ht="11.25" customHeight="1" x14ac:dyDescent="0.2">
      <c r="A27" s="70" t="s">
        <v>808</v>
      </c>
      <c r="B27" s="1018">
        <v>856400000</v>
      </c>
      <c r="C27" s="1019"/>
      <c r="D27" s="1018">
        <v>813927895.52999997</v>
      </c>
      <c r="E27" s="1019"/>
      <c r="F27" s="909">
        <v>773707623.46000004</v>
      </c>
      <c r="G27" s="1017"/>
      <c r="H27" s="1017"/>
    </row>
    <row r="28" spans="1:8" ht="11.25" customHeight="1" x14ac:dyDescent="0.2">
      <c r="A28" s="63" t="s">
        <v>592</v>
      </c>
      <c r="B28" s="1018">
        <v>283978900</v>
      </c>
      <c r="C28" s="1019"/>
      <c r="D28" s="1018">
        <v>23373415.59</v>
      </c>
      <c r="E28" s="1019"/>
      <c r="F28" s="909">
        <v>69241077.829999998</v>
      </c>
      <c r="G28" s="1017"/>
      <c r="H28" s="1017"/>
    </row>
    <row r="29" spans="1:8" ht="11.25" customHeight="1" x14ac:dyDescent="0.2">
      <c r="A29" s="63" t="s">
        <v>593</v>
      </c>
      <c r="B29" s="1018">
        <v>1844013900</v>
      </c>
      <c r="C29" s="1019"/>
      <c r="D29" s="1018">
        <v>1545046734.0899999</v>
      </c>
      <c r="E29" s="1019"/>
      <c r="F29" s="909">
        <v>1493928607.96</v>
      </c>
      <c r="G29" s="1017"/>
      <c r="H29" s="1017"/>
    </row>
    <row r="30" spans="1:8" ht="11.25" customHeight="1" x14ac:dyDescent="0.2">
      <c r="A30" s="63" t="s">
        <v>594</v>
      </c>
      <c r="B30" s="1018">
        <v>1665374427.46</v>
      </c>
      <c r="C30" s="1019"/>
      <c r="D30" s="1018">
        <v>1630241313.29</v>
      </c>
      <c r="E30" s="1019"/>
      <c r="F30" s="909">
        <v>2043577367.23</v>
      </c>
      <c r="G30" s="1017"/>
      <c r="H30" s="1017"/>
    </row>
    <row r="31" spans="1:8" ht="11.25" customHeight="1" x14ac:dyDescent="0.2">
      <c r="A31" s="63" t="s">
        <v>595</v>
      </c>
      <c r="B31" s="1018">
        <v>13696217.859999999</v>
      </c>
      <c r="C31" s="1019"/>
      <c r="D31" s="1018">
        <v>13696217.859999999</v>
      </c>
      <c r="E31" s="1019"/>
      <c r="F31" s="909">
        <v>18422972.59</v>
      </c>
      <c r="G31" s="1017"/>
      <c r="H31" s="1017"/>
    </row>
    <row r="32" spans="1:8" ht="11.25" customHeight="1" x14ac:dyDescent="0.2">
      <c r="A32" s="63" t="s">
        <v>596</v>
      </c>
      <c r="B32" s="1018">
        <v>1651678209.6000001</v>
      </c>
      <c r="C32" s="1019"/>
      <c r="D32" s="1018">
        <v>1616545095.4300001</v>
      </c>
      <c r="E32" s="1019"/>
      <c r="F32" s="909">
        <v>2025154394.6400001</v>
      </c>
      <c r="G32" s="1017"/>
      <c r="H32" s="1017"/>
    </row>
    <row r="33" spans="1:8" s="222" customFormat="1" ht="11.25" customHeight="1" x14ac:dyDescent="0.2">
      <c r="A33" s="69" t="s">
        <v>597</v>
      </c>
      <c r="B33" s="1006">
        <v>2193973429.5900002</v>
      </c>
      <c r="C33" s="1007"/>
      <c r="D33" s="1006">
        <v>1996382130.95</v>
      </c>
      <c r="E33" s="1007"/>
      <c r="F33" s="913">
        <v>1141008946.6000001</v>
      </c>
      <c r="G33" s="1025"/>
      <c r="H33" s="1025"/>
    </row>
    <row r="34" spans="1:8" ht="11.25" customHeight="1" x14ac:dyDescent="0.2">
      <c r="A34" s="63" t="s">
        <v>598</v>
      </c>
      <c r="B34" s="1018">
        <v>43326855.170000002</v>
      </c>
      <c r="C34" s="1019"/>
      <c r="D34" s="1018">
        <v>41998753.960000001</v>
      </c>
      <c r="E34" s="1019"/>
      <c r="F34" s="909">
        <v>552737604.15999997</v>
      </c>
      <c r="G34" s="1017"/>
      <c r="H34" s="1017"/>
    </row>
    <row r="35" spans="1:8" ht="11.25" customHeight="1" x14ac:dyDescent="0.2">
      <c r="A35" s="63" t="s">
        <v>599</v>
      </c>
      <c r="B35" s="1018">
        <v>2728671.31</v>
      </c>
      <c r="C35" s="1019"/>
      <c r="D35" s="1018">
        <v>2728671.31</v>
      </c>
      <c r="E35" s="1019"/>
      <c r="F35" s="909">
        <v>2097915.9500000002</v>
      </c>
      <c r="G35" s="1017"/>
      <c r="H35" s="1017"/>
    </row>
    <row r="36" spans="1:8" s="222" customFormat="1" ht="11.25" customHeight="1" x14ac:dyDescent="0.2">
      <c r="A36" s="63" t="s">
        <v>872</v>
      </c>
      <c r="B36" s="1018">
        <v>7652000</v>
      </c>
      <c r="C36" s="1019"/>
      <c r="D36" s="1018">
        <v>2430242.13</v>
      </c>
      <c r="E36" s="1019"/>
      <c r="F36" s="909">
        <v>7576188.3300000001</v>
      </c>
      <c r="G36" s="1017"/>
      <c r="H36" s="1017"/>
    </row>
    <row r="37" spans="1:8" ht="11.25" customHeight="1" x14ac:dyDescent="0.2">
      <c r="A37" s="63" t="s">
        <v>600</v>
      </c>
      <c r="B37" s="1018">
        <v>720522382.12</v>
      </c>
      <c r="C37" s="1019"/>
      <c r="D37" s="1018">
        <v>529480942.56000006</v>
      </c>
      <c r="E37" s="1019"/>
      <c r="F37" s="909">
        <v>578597238.16000009</v>
      </c>
      <c r="G37" s="1017"/>
      <c r="H37" s="1017"/>
    </row>
    <row r="38" spans="1:8" ht="11.25" customHeight="1" x14ac:dyDescent="0.2">
      <c r="A38" s="63" t="s">
        <v>592</v>
      </c>
      <c r="B38" s="1018">
        <v>219840300</v>
      </c>
      <c r="C38" s="1019"/>
      <c r="D38" s="1018">
        <v>56858814.030000001</v>
      </c>
      <c r="E38" s="1019"/>
      <c r="F38" s="909">
        <v>71755273.5</v>
      </c>
      <c r="G38" s="1017"/>
      <c r="H38" s="1017"/>
    </row>
    <row r="39" spans="1:8" ht="11.25" customHeight="1" x14ac:dyDescent="0.2">
      <c r="A39" s="63" t="s">
        <v>601</v>
      </c>
      <c r="B39" s="1018">
        <v>500682082.12</v>
      </c>
      <c r="C39" s="1019"/>
      <c r="D39" s="1018">
        <v>472622128.53000009</v>
      </c>
      <c r="E39" s="1019"/>
      <c r="F39" s="909">
        <v>506841964.66000003</v>
      </c>
      <c r="G39" s="1017"/>
      <c r="H39" s="1017"/>
    </row>
    <row r="40" spans="1:8" ht="11.25" customHeight="1" x14ac:dyDescent="0.2">
      <c r="A40" s="63" t="s">
        <v>203</v>
      </c>
      <c r="B40" s="1018">
        <v>1419743520.99</v>
      </c>
      <c r="C40" s="1019"/>
      <c r="D40" s="1018">
        <v>1419743520.99</v>
      </c>
      <c r="E40" s="1019"/>
      <c r="F40" s="909">
        <v>0</v>
      </c>
      <c r="G40" s="1017"/>
      <c r="H40" s="1017"/>
    </row>
    <row r="41" spans="1:8" s="222" customFormat="1" ht="11.25" customHeight="1" x14ac:dyDescent="0.2">
      <c r="A41" s="69" t="s">
        <v>602</v>
      </c>
      <c r="B41" s="1006">
        <v>2140265903.1100001</v>
      </c>
      <c r="C41" s="1007"/>
      <c r="D41" s="1006">
        <v>1949224463.55</v>
      </c>
      <c r="E41" s="1007"/>
      <c r="F41" s="913">
        <v>578597238.16000009</v>
      </c>
      <c r="G41" s="1025"/>
      <c r="H41" s="1025"/>
    </row>
    <row r="42" spans="1:8" s="222" customFormat="1" ht="15" customHeight="1" x14ac:dyDescent="0.2">
      <c r="A42" s="236" t="s">
        <v>603</v>
      </c>
      <c r="B42" s="1000">
        <v>15789142624.599998</v>
      </c>
      <c r="C42" s="1001"/>
      <c r="D42" s="1000">
        <v>14385916978.309998</v>
      </c>
      <c r="E42" s="1001"/>
      <c r="F42" s="831">
        <v>12231300535.579998</v>
      </c>
      <c r="G42" s="1026"/>
      <c r="H42" s="1026"/>
    </row>
    <row r="43" spans="1:8" ht="5.0999999999999996" customHeight="1" x14ac:dyDescent="0.2">
      <c r="A43" s="71"/>
      <c r="B43" s="584"/>
      <c r="C43" s="228"/>
      <c r="D43" s="228"/>
    </row>
    <row r="44" spans="1:8" s="222" customFormat="1" ht="30.75" customHeight="1" x14ac:dyDescent="0.2">
      <c r="A44" s="855" t="s">
        <v>604</v>
      </c>
      <c r="B44" s="218" t="s">
        <v>157</v>
      </c>
      <c r="C44" s="964" t="s">
        <v>158</v>
      </c>
      <c r="D44" s="963"/>
      <c r="E44" s="964" t="s">
        <v>159</v>
      </c>
      <c r="F44" s="963"/>
      <c r="G44" s="976" t="s">
        <v>348</v>
      </c>
      <c r="H44" s="962"/>
    </row>
    <row r="45" spans="1:8" s="222" customFormat="1" ht="11.25" customHeight="1" x14ac:dyDescent="0.2">
      <c r="A45" s="856"/>
      <c r="B45" s="898" t="s">
        <v>112</v>
      </c>
      <c r="C45" s="219" t="s">
        <v>115</v>
      </c>
      <c r="D45" s="219" t="s">
        <v>115</v>
      </c>
      <c r="E45" s="219" t="s">
        <v>115</v>
      </c>
      <c r="F45" s="219" t="s">
        <v>115</v>
      </c>
      <c r="G45" s="976" t="s">
        <v>744</v>
      </c>
      <c r="H45" s="976" t="s">
        <v>745</v>
      </c>
    </row>
    <row r="46" spans="1:8" s="222" customFormat="1" ht="17.25" customHeight="1" x14ac:dyDescent="0.2">
      <c r="A46" s="857"/>
      <c r="B46" s="1021"/>
      <c r="C46" s="224">
        <v>2015</v>
      </c>
      <c r="D46" s="226">
        <v>2014</v>
      </c>
      <c r="E46" s="224">
        <v>2015</v>
      </c>
      <c r="F46" s="226">
        <v>2014</v>
      </c>
      <c r="G46" s="952"/>
      <c r="H46" s="952"/>
    </row>
    <row r="47" spans="1:8" s="222" customFormat="1" ht="11.25" customHeight="1" x14ac:dyDescent="0.2">
      <c r="A47" s="69" t="s">
        <v>605</v>
      </c>
      <c r="B47" s="367">
        <v>14159522715.790001</v>
      </c>
      <c r="C47" s="367">
        <v>13026647038.73</v>
      </c>
      <c r="D47" s="367">
        <v>10681321076.400002</v>
      </c>
      <c r="E47" s="367">
        <v>12164310561.380001</v>
      </c>
      <c r="F47" s="735">
        <v>10643583875.220001</v>
      </c>
      <c r="G47" s="827">
        <v>862336477.34999931</v>
      </c>
      <c r="H47" s="828">
        <v>37737201.18</v>
      </c>
    </row>
    <row r="48" spans="1:8" ht="11.25" customHeight="1" x14ac:dyDescent="0.2">
      <c r="A48" s="63" t="s">
        <v>206</v>
      </c>
      <c r="B48" s="738">
        <v>7753942870.1900005</v>
      </c>
      <c r="C48" s="738">
        <v>7401630006.29</v>
      </c>
      <c r="D48" s="739">
        <v>6110217686.7200003</v>
      </c>
      <c r="E48" s="738">
        <v>6763108929.0799999</v>
      </c>
      <c r="F48" s="740">
        <v>6109600605.4300003</v>
      </c>
      <c r="G48" s="826">
        <v>638521077.21000004</v>
      </c>
      <c r="H48" s="829">
        <v>617081.29</v>
      </c>
    </row>
    <row r="49" spans="1:8" ht="11.25" customHeight="1" x14ac:dyDescent="0.2">
      <c r="A49" s="63" t="s">
        <v>606</v>
      </c>
      <c r="B49" s="738">
        <v>274955943</v>
      </c>
      <c r="C49" s="738">
        <v>274718463.75999999</v>
      </c>
      <c r="D49" s="739">
        <v>210974752.84999999</v>
      </c>
      <c r="E49" s="738">
        <v>274716676.85000002</v>
      </c>
      <c r="F49" s="740">
        <v>210974752.84999999</v>
      </c>
      <c r="G49" s="826">
        <v>1786.9099999666214</v>
      </c>
      <c r="H49" s="339"/>
    </row>
    <row r="50" spans="1:8" ht="11.25" customHeight="1" x14ac:dyDescent="0.2">
      <c r="A50" s="63" t="s">
        <v>207</v>
      </c>
      <c r="B50" s="738">
        <v>6130623902.6000004</v>
      </c>
      <c r="C50" s="738">
        <v>5350298568.6799994</v>
      </c>
      <c r="D50" s="739">
        <v>4360128636.8299999</v>
      </c>
      <c r="E50" s="738">
        <v>5126484955.4500008</v>
      </c>
      <c r="F50" s="740">
        <v>4323008516.9400005</v>
      </c>
      <c r="G50" s="825">
        <v>223813613.2299993</v>
      </c>
      <c r="H50" s="829">
        <v>37120119.890000001</v>
      </c>
    </row>
    <row r="51" spans="1:8" ht="11.25" customHeight="1" x14ac:dyDescent="0.2">
      <c r="A51" s="125" t="s">
        <v>879</v>
      </c>
      <c r="B51" s="738">
        <v>2161629085.71</v>
      </c>
      <c r="C51" s="738">
        <v>2074923692.03</v>
      </c>
      <c r="D51" s="739">
        <v>1946698563.75</v>
      </c>
      <c r="E51" s="738">
        <v>1998591751.1500001</v>
      </c>
      <c r="F51" s="740">
        <v>1946698563.75</v>
      </c>
      <c r="G51" s="825">
        <v>76331940.879999876</v>
      </c>
      <c r="H51" s="829"/>
    </row>
    <row r="52" spans="1:8" ht="11.25" customHeight="1" x14ac:dyDescent="0.2">
      <c r="A52" s="125" t="s">
        <v>880</v>
      </c>
      <c r="B52" s="738">
        <v>3968994816.8899999</v>
      </c>
      <c r="C52" s="738">
        <v>3275374876.6499996</v>
      </c>
      <c r="D52" s="739">
        <v>2413430073.0799999</v>
      </c>
      <c r="E52" s="738">
        <v>3127893204.3000002</v>
      </c>
      <c r="F52" s="740">
        <v>2376309953.1900001</v>
      </c>
      <c r="G52" s="825">
        <v>147481672.34999943</v>
      </c>
      <c r="H52" s="829">
        <v>37120119.890000001</v>
      </c>
    </row>
    <row r="53" spans="1:8" s="222" customFormat="1" ht="11.25" customHeight="1" x14ac:dyDescent="0.2">
      <c r="A53" s="69" t="s">
        <v>607</v>
      </c>
      <c r="B53" s="367">
        <v>13884566772.790001</v>
      </c>
      <c r="C53" s="367">
        <v>12751928574.969999</v>
      </c>
      <c r="D53" s="367">
        <v>10470346323.550001</v>
      </c>
      <c r="E53" s="367">
        <v>11889593884.530001</v>
      </c>
      <c r="F53" s="741">
        <v>10432609122.370001</v>
      </c>
      <c r="G53" s="741">
        <v>862334690.43999934</v>
      </c>
      <c r="H53" s="828">
        <v>37737201.18</v>
      </c>
    </row>
    <row r="54" spans="1:8" s="222" customFormat="1" ht="11.25" customHeight="1" x14ac:dyDescent="0.2">
      <c r="A54" s="49" t="s">
        <v>608</v>
      </c>
      <c r="B54" s="367">
        <v>2172408656.4000001</v>
      </c>
      <c r="C54" s="367">
        <v>1658858290.26</v>
      </c>
      <c r="D54" s="367">
        <v>2603155469.3400002</v>
      </c>
      <c r="E54" s="367">
        <v>1433938778.47</v>
      </c>
      <c r="F54" s="735">
        <v>2528574584.46</v>
      </c>
      <c r="G54" s="824">
        <v>224919511.79000002</v>
      </c>
      <c r="H54" s="370">
        <v>74580884.879999995</v>
      </c>
    </row>
    <row r="55" spans="1:8" ht="11.25" customHeight="1" x14ac:dyDescent="0.2">
      <c r="A55" s="63" t="s">
        <v>578</v>
      </c>
      <c r="B55" s="738">
        <v>1227515476.4000001</v>
      </c>
      <c r="C55" s="738">
        <v>716372821.41999996</v>
      </c>
      <c r="D55" s="739">
        <v>1721966526.6199999</v>
      </c>
      <c r="E55" s="738">
        <v>491487310.06999999</v>
      </c>
      <c r="F55" s="740">
        <v>1647534784.04</v>
      </c>
      <c r="G55" s="825">
        <v>224885511.34999996</v>
      </c>
      <c r="H55" s="339">
        <v>74431742.579999998</v>
      </c>
    </row>
    <row r="56" spans="1:8" ht="11.25" customHeight="1" x14ac:dyDescent="0.2">
      <c r="A56" s="63" t="s">
        <v>241</v>
      </c>
      <c r="B56" s="738">
        <v>2597074</v>
      </c>
      <c r="C56" s="738">
        <v>473411.76</v>
      </c>
      <c r="D56" s="738">
        <v>44617778.490000002</v>
      </c>
      <c r="E56" s="738">
        <v>473411.76</v>
      </c>
      <c r="F56" s="740">
        <v>44468636.190000005</v>
      </c>
      <c r="G56" s="825">
        <v>0</v>
      </c>
      <c r="H56" s="339">
        <v>149142.29999999999</v>
      </c>
    </row>
    <row r="57" spans="1:8" ht="11.25" customHeight="1" x14ac:dyDescent="0.2">
      <c r="A57" s="63" t="s">
        <v>609</v>
      </c>
      <c r="B57" s="738">
        <v>473281</v>
      </c>
      <c r="C57" s="738">
        <v>473281</v>
      </c>
      <c r="D57" s="739">
        <v>4376309.95</v>
      </c>
      <c r="E57" s="738">
        <v>473281</v>
      </c>
      <c r="F57" s="740">
        <v>4376309.95</v>
      </c>
      <c r="G57" s="825">
        <v>0</v>
      </c>
      <c r="H57" s="339">
        <v>0</v>
      </c>
    </row>
    <row r="58" spans="1:8" ht="11.25" customHeight="1" x14ac:dyDescent="0.2">
      <c r="A58" s="63" t="s">
        <v>610</v>
      </c>
      <c r="B58" s="738">
        <v>0</v>
      </c>
      <c r="C58" s="738">
        <v>0</v>
      </c>
      <c r="D58" s="739">
        <v>0</v>
      </c>
      <c r="E58" s="738">
        <v>0</v>
      </c>
      <c r="F58" s="740">
        <v>0</v>
      </c>
      <c r="G58" s="825">
        <v>0</v>
      </c>
      <c r="H58" s="339">
        <v>0</v>
      </c>
    </row>
    <row r="59" spans="1:8" ht="11.25" customHeight="1" x14ac:dyDescent="0.2">
      <c r="A59" s="63" t="s">
        <v>611</v>
      </c>
      <c r="B59" s="738">
        <v>2123793</v>
      </c>
      <c r="C59" s="738">
        <v>130.76000000000931</v>
      </c>
      <c r="D59" s="739">
        <v>40241468.539999999</v>
      </c>
      <c r="E59" s="738">
        <v>130.76000000000931</v>
      </c>
      <c r="F59" s="740">
        <v>40092326.240000002</v>
      </c>
      <c r="G59" s="825">
        <v>0</v>
      </c>
      <c r="H59" s="339">
        <v>149142.29999999999</v>
      </c>
    </row>
    <row r="60" spans="1:8" ht="11.25" customHeight="1" x14ac:dyDescent="0.2">
      <c r="A60" s="63" t="s">
        <v>612</v>
      </c>
      <c r="B60" s="738">
        <v>942296106</v>
      </c>
      <c r="C60" s="738">
        <v>942012057.08000004</v>
      </c>
      <c r="D60" s="739">
        <v>836571164.23000002</v>
      </c>
      <c r="E60" s="738">
        <v>941978056.63999999</v>
      </c>
      <c r="F60" s="740">
        <v>836571164.23000002</v>
      </c>
      <c r="G60" s="825">
        <v>34000.44000005722</v>
      </c>
      <c r="H60" s="339"/>
    </row>
    <row r="61" spans="1:8" s="222" customFormat="1" ht="11.25" customHeight="1" x14ac:dyDescent="0.2">
      <c r="A61" s="49" t="s">
        <v>613</v>
      </c>
      <c r="B61" s="367">
        <v>1229639269.4000001</v>
      </c>
      <c r="C61" s="367">
        <v>716372952.17999995</v>
      </c>
      <c r="D61" s="367">
        <v>1762207995.1600003</v>
      </c>
      <c r="E61" s="367">
        <v>491487440.83000004</v>
      </c>
      <c r="F61" s="735">
        <v>1687627110.2800002</v>
      </c>
      <c r="G61" s="824">
        <v>224885511.34999996</v>
      </c>
      <c r="H61" s="370">
        <v>74580884.879999995</v>
      </c>
    </row>
    <row r="62" spans="1:8" s="222" customFormat="1" ht="11.25" customHeight="1" x14ac:dyDescent="0.2">
      <c r="A62" s="49" t="s">
        <v>614</v>
      </c>
      <c r="B62" s="367">
        <v>0</v>
      </c>
      <c r="C62" s="367">
        <v>0</v>
      </c>
      <c r="D62" s="739">
        <v>0</v>
      </c>
      <c r="E62" s="367">
        <v>0</v>
      </c>
      <c r="F62" s="735">
        <v>0</v>
      </c>
      <c r="G62" s="824"/>
      <c r="H62" s="822">
        <v>0</v>
      </c>
    </row>
    <row r="63" spans="1:8" s="222" customFormat="1" ht="11.25" customHeight="1" x14ac:dyDescent="0.2">
      <c r="A63" s="49" t="s">
        <v>615</v>
      </c>
      <c r="B63" s="367">
        <v>0</v>
      </c>
      <c r="C63" s="367">
        <v>0</v>
      </c>
      <c r="D63" s="739">
        <v>0</v>
      </c>
      <c r="E63" s="367">
        <v>0</v>
      </c>
      <c r="F63" s="735">
        <v>0</v>
      </c>
      <c r="G63" s="824"/>
      <c r="H63" s="370">
        <v>0</v>
      </c>
    </row>
    <row r="64" spans="1:8" s="222" customFormat="1" ht="15" customHeight="1" x14ac:dyDescent="0.2">
      <c r="A64" s="127" t="s">
        <v>616</v>
      </c>
      <c r="B64" s="466">
        <v>15114206042.190001</v>
      </c>
      <c r="C64" s="466">
        <v>13468301527.15</v>
      </c>
      <c r="D64" s="466">
        <v>12232554318.710001</v>
      </c>
      <c r="E64" s="466">
        <v>12381081325.360001</v>
      </c>
      <c r="F64" s="733">
        <v>12120236232.650002</v>
      </c>
      <c r="G64" s="823">
        <v>1087220201.7899992</v>
      </c>
      <c r="H64" s="830">
        <v>112318086.06</v>
      </c>
    </row>
    <row r="65" spans="1:8" ht="5.0999999999999996" customHeight="1" x14ac:dyDescent="0.2">
      <c r="A65" s="126"/>
      <c r="B65" s="742"/>
      <c r="C65" s="742"/>
      <c r="D65" s="742"/>
      <c r="E65" s="743"/>
      <c r="F65" s="737"/>
      <c r="G65" s="744"/>
      <c r="H65" s="737"/>
    </row>
    <row r="66" spans="1:8" s="222" customFormat="1" ht="15" customHeight="1" x14ac:dyDescent="0.2">
      <c r="A66" s="127" t="s">
        <v>617</v>
      </c>
      <c r="B66" s="734">
        <v>674936582.40999794</v>
      </c>
      <c r="C66" s="734"/>
      <c r="D66" s="466"/>
      <c r="E66" s="734">
        <v>917615451.1599977</v>
      </c>
      <c r="F66" s="734">
        <v>-1253783.1300035119</v>
      </c>
      <c r="G66" s="734"/>
      <c r="H66" s="245"/>
    </row>
    <row r="67" spans="1:8" ht="5.0999999999999996" customHeight="1" x14ac:dyDescent="0.2">
      <c r="A67" s="126"/>
      <c r="B67" s="742"/>
      <c r="C67" s="742"/>
      <c r="D67" s="742"/>
      <c r="E67" s="743"/>
      <c r="F67" s="737"/>
      <c r="G67" s="743"/>
      <c r="H67" s="737"/>
    </row>
    <row r="68" spans="1:8" s="222" customFormat="1" ht="15" customHeight="1" x14ac:dyDescent="0.2">
      <c r="A68" s="127" t="s">
        <v>618</v>
      </c>
      <c r="B68" s="736"/>
      <c r="C68" s="736"/>
      <c r="D68" s="736"/>
      <c r="E68" s="245"/>
      <c r="F68" s="245"/>
      <c r="G68" s="245"/>
      <c r="H68" s="245"/>
    </row>
    <row r="69" spans="1:8" ht="5.0999999999999996" customHeight="1" x14ac:dyDescent="0.2">
      <c r="A69" s="63"/>
      <c r="B69" s="228"/>
      <c r="C69" s="228"/>
      <c r="D69" s="228"/>
    </row>
    <row r="70" spans="1:8" s="241" customFormat="1" ht="11.25" customHeight="1" x14ac:dyDescent="0.2">
      <c r="A70" s="1011" t="s">
        <v>569</v>
      </c>
      <c r="B70" s="1011"/>
      <c r="C70" s="1011"/>
      <c r="D70" s="1012"/>
      <c r="E70" s="922" t="s">
        <v>570</v>
      </c>
      <c r="F70" s="923"/>
      <c r="G70" s="923"/>
      <c r="H70" s="923"/>
    </row>
    <row r="71" spans="1:8" s="241" customFormat="1" ht="11.25" customHeight="1" x14ac:dyDescent="0.2">
      <c r="A71" s="1013"/>
      <c r="B71" s="1013"/>
      <c r="C71" s="1013"/>
      <c r="D71" s="1014"/>
      <c r="E71" s="955"/>
      <c r="F71" s="986"/>
      <c r="G71" s="986"/>
      <c r="H71" s="986"/>
    </row>
    <row r="72" spans="1:8" ht="15" customHeight="1" x14ac:dyDescent="0.2">
      <c r="A72" s="1015" t="s">
        <v>619</v>
      </c>
      <c r="B72" s="1015"/>
      <c r="C72" s="1015"/>
      <c r="D72" s="1016"/>
      <c r="E72" s="1009">
        <v>471749000</v>
      </c>
      <c r="F72" s="1010"/>
      <c r="G72" s="1010"/>
      <c r="H72" s="1010"/>
    </row>
    <row r="73" spans="1:8" ht="11.25" customHeight="1" x14ac:dyDescent="0.2">
      <c r="A73" s="50" t="s">
        <v>863</v>
      </c>
      <c r="B73" s="165"/>
      <c r="C73" s="165"/>
      <c r="D73" s="165"/>
      <c r="E73" s="165"/>
      <c r="F73" s="165"/>
      <c r="G73" s="165"/>
      <c r="H73" s="320"/>
    </row>
    <row r="74" spans="1:8" s="227" customFormat="1" ht="11.25" customHeight="1" x14ac:dyDescent="0.2">
      <c r="B74" s="606"/>
      <c r="C74" s="606"/>
      <c r="D74" s="606"/>
      <c r="E74" s="606"/>
      <c r="F74" s="606"/>
    </row>
    <row r="75" spans="1:8" s="508" customFormat="1" ht="11.25" customHeight="1" x14ac:dyDescent="0.2">
      <c r="C75" s="605"/>
      <c r="D75" s="605"/>
      <c r="E75" s="605"/>
      <c r="F75" s="605"/>
    </row>
    <row r="82" s="50" customFormat="1" ht="11.25" customHeight="1" x14ac:dyDescent="0.2"/>
    <row r="83" s="50" customFormat="1" ht="11.25" customHeight="1" x14ac:dyDescent="0.2"/>
    <row r="84" s="50" customFormat="1" ht="11.25" customHeight="1" x14ac:dyDescent="0.2"/>
    <row r="85" s="50" customFormat="1" ht="11.25" customHeight="1" x14ac:dyDescent="0.2"/>
    <row r="86" s="50" customFormat="1" ht="11.25" customHeight="1" x14ac:dyDescent="0.2"/>
    <row r="87" s="50" customFormat="1" ht="11.25" customHeight="1" x14ac:dyDescent="0.2"/>
    <row r="88" s="50" customFormat="1" ht="11.25" customHeight="1" x14ac:dyDescent="0.2"/>
  </sheetData>
  <customSheetViews>
    <customSheetView guid="{6DBFA32C-4AA4-4E1D-9A48-697377C64CC3}" showPageBreaks="1" showGridLines="0" fitToPage="1" printArea="1" hiddenColumns="1" topLeftCell="A28">
      <selection activeCell="J53" sqref="J53"/>
      <pageMargins left="0.19685039370078741" right="0.19685039370078741" top="0.39370078740157483" bottom="0.19685039370078741" header="0" footer="0"/>
      <printOptions horizontalCentered="1"/>
      <pageSetup paperSize="9" scale="56" orientation="portrait" r:id="rId1"/>
      <headerFooter alignWithMargins="0"/>
    </customSheetView>
    <customSheetView guid="{25EF1E0D-169B-4051-B414-7E1196FC05E4}" showPageBreaks="1" showGridLines="0" fitToPage="1" printArea="1" topLeftCell="A49">
      <selection activeCell="E75" sqref="E75"/>
      <pageMargins left="0.19685039370078741" right="0.19685039370078741" top="0.19685039370078741" bottom="0.19685039370078741" header="0" footer="0"/>
      <printOptions horizontalCentered="1"/>
      <pageSetup paperSize="9" scale="50" orientation="portrait" r:id="rId2"/>
      <headerFooter alignWithMargins="0"/>
    </customSheetView>
    <customSheetView guid="{82EDB5A4-4824-4632-A540-7A52C92F04C7}" showPageBreaks="1" showGridLines="0" fitToPage="1" printArea="1" hiddenColumns="1" topLeftCell="A47">
      <selection activeCell="E67" sqref="E67"/>
      <pageMargins left="0.19685039370078741" right="0.19685039370078741" top="0.39370078740157483" bottom="0.19685039370078741" header="0" footer="0"/>
      <printOptions horizontalCentered="1"/>
      <pageSetup paperSize="9" scale="56" orientation="portrait" r:id="rId3"/>
      <headerFooter alignWithMargins="0"/>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4"/>
      <headerFooter alignWithMargins="0">
        <oddFooter>&amp;A</oddFooter>
      </headerFooter>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5"/>
      <headerFooter alignWithMargins="0">
        <oddFooter>&amp;A</oddFooter>
      </headerFooter>
    </customSheetView>
    <customSheetView guid="{3AAF6A5F-F9AA-430B-9AD9-1261ECDF41B5}" showPageBreaks="1" showGridLines="0" fitToPage="1" printArea="1" topLeftCell="A4">
      <selection activeCell="A72" sqref="A72:D72"/>
      <pageMargins left="0.19685039370078741" right="0.19685039370078741" top="0.59055118110236227" bottom="0.19685039370078741" header="0" footer="0"/>
      <printOptions horizontalCentered="1"/>
      <pageSetup paperSize="9" scale="51" orientation="portrait" r:id="rId6"/>
      <headerFooter alignWithMargins="0"/>
    </customSheetView>
    <customSheetView guid="{C779D862-DE28-46CD-A428-4AAA1056D1E1}" showGridLines="0" fitToPage="1" topLeftCell="A52">
      <selection activeCell="E66" sqref="E66"/>
      <pageMargins left="0.19685039370078741" right="0.19685039370078741" top="0.59055118110236227" bottom="0.19685039370078741" header="0" footer="0"/>
      <printOptions horizontalCentered="1"/>
      <pageSetup paperSize="9" scale="50" orientation="portrait" r:id="rId7"/>
      <headerFooter alignWithMargins="0"/>
    </customSheetView>
  </customSheetViews>
  <mergeCells count="113">
    <mergeCell ref="B41:C41"/>
    <mergeCell ref="D41:E41"/>
    <mergeCell ref="F41:H41"/>
    <mergeCell ref="B42:C42"/>
    <mergeCell ref="D42:E42"/>
    <mergeCell ref="F42:H42"/>
    <mergeCell ref="B39:C39"/>
    <mergeCell ref="D39:E39"/>
    <mergeCell ref="F39:H39"/>
    <mergeCell ref="B40:C40"/>
    <mergeCell ref="D40:E40"/>
    <mergeCell ref="F40:H40"/>
    <mergeCell ref="B37:C37"/>
    <mergeCell ref="D37:E37"/>
    <mergeCell ref="F37:H37"/>
    <mergeCell ref="B38:C38"/>
    <mergeCell ref="D38:E38"/>
    <mergeCell ref="F38:H38"/>
    <mergeCell ref="B35:C35"/>
    <mergeCell ref="D35:E35"/>
    <mergeCell ref="F35:H35"/>
    <mergeCell ref="B36:C36"/>
    <mergeCell ref="D36:E36"/>
    <mergeCell ref="F36:H36"/>
    <mergeCell ref="B33:C33"/>
    <mergeCell ref="D33:E33"/>
    <mergeCell ref="F33:H33"/>
    <mergeCell ref="B34:C34"/>
    <mergeCell ref="D34:E34"/>
    <mergeCell ref="F34:H34"/>
    <mergeCell ref="B31:C31"/>
    <mergeCell ref="D31:E31"/>
    <mergeCell ref="F31:H31"/>
    <mergeCell ref="B32:C32"/>
    <mergeCell ref="D32:E32"/>
    <mergeCell ref="F32:H32"/>
    <mergeCell ref="B29:C29"/>
    <mergeCell ref="D29:E29"/>
    <mergeCell ref="F29:H29"/>
    <mergeCell ref="B30:C30"/>
    <mergeCell ref="D30:E30"/>
    <mergeCell ref="F30:H30"/>
    <mergeCell ref="B27:C27"/>
    <mergeCell ref="D27:E27"/>
    <mergeCell ref="F27:H27"/>
    <mergeCell ref="B28:C28"/>
    <mergeCell ref="D28:E28"/>
    <mergeCell ref="F28:H28"/>
    <mergeCell ref="B20:C20"/>
    <mergeCell ref="D20:E20"/>
    <mergeCell ref="F20:H20"/>
    <mergeCell ref="B25:C25"/>
    <mergeCell ref="D25:E25"/>
    <mergeCell ref="F25:H25"/>
    <mergeCell ref="B19:C19"/>
    <mergeCell ref="D19:E19"/>
    <mergeCell ref="B26:C26"/>
    <mergeCell ref="D26:E26"/>
    <mergeCell ref="F26:H26"/>
    <mergeCell ref="B23:C23"/>
    <mergeCell ref="D23:E23"/>
    <mergeCell ref="F23:H23"/>
    <mergeCell ref="B24:C24"/>
    <mergeCell ref="D24:E24"/>
    <mergeCell ref="F24:H24"/>
    <mergeCell ref="A4:H4"/>
    <mergeCell ref="A3:H3"/>
    <mergeCell ref="E44:F44"/>
    <mergeCell ref="D11:E11"/>
    <mergeCell ref="D12:E12"/>
    <mergeCell ref="F11:H11"/>
    <mergeCell ref="F12:H12"/>
    <mergeCell ref="B10:C12"/>
    <mergeCell ref="D10:H10"/>
    <mergeCell ref="D17:E17"/>
    <mergeCell ref="F17:H17"/>
    <mergeCell ref="B18:C18"/>
    <mergeCell ref="D18:E18"/>
    <mergeCell ref="F18:H18"/>
    <mergeCell ref="A44:A46"/>
    <mergeCell ref="B45:B46"/>
    <mergeCell ref="B13:C13"/>
    <mergeCell ref="D13:E13"/>
    <mergeCell ref="F13:H13"/>
    <mergeCell ref="B14:C14"/>
    <mergeCell ref="D14:E14"/>
    <mergeCell ref="F14:H14"/>
    <mergeCell ref="B15:C15"/>
    <mergeCell ref="D15:E15"/>
    <mergeCell ref="E72:H72"/>
    <mergeCell ref="A70:D71"/>
    <mergeCell ref="E70:H71"/>
    <mergeCell ref="G44:H44"/>
    <mergeCell ref="C44:D44"/>
    <mergeCell ref="A72:D72"/>
    <mergeCell ref="A10:A12"/>
    <mergeCell ref="A7:H7"/>
    <mergeCell ref="A5:H5"/>
    <mergeCell ref="A6:H6"/>
    <mergeCell ref="F15:H15"/>
    <mergeCell ref="B16:C16"/>
    <mergeCell ref="D16:E16"/>
    <mergeCell ref="F16:H16"/>
    <mergeCell ref="B17:C17"/>
    <mergeCell ref="G45:G46"/>
    <mergeCell ref="H45:H46"/>
    <mergeCell ref="B21:C21"/>
    <mergeCell ref="D21:E21"/>
    <mergeCell ref="F21:H21"/>
    <mergeCell ref="B22:C22"/>
    <mergeCell ref="D22:E22"/>
    <mergeCell ref="F22:H22"/>
    <mergeCell ref="F19:H19"/>
  </mergeCells>
  <printOptions horizontalCentered="1"/>
  <pageMargins left="0.19685039370078741" right="0.19685039370078741" top="0.59055118110236227" bottom="0.19685039370078741" header="0" footer="0"/>
  <pageSetup paperSize="9" scale="56" orientation="portrait" r:id="rId8"/>
  <headerFooter alignWithMargins="0"/>
  <drawing r:id="rId9"/>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8</vt:i4>
      </vt:variant>
      <vt:variant>
        <vt:lpstr>Intervalos nomeados</vt:lpstr>
      </vt:variant>
      <vt:variant>
        <vt:i4>16</vt:i4>
      </vt:variant>
    </vt:vector>
  </HeadingPairs>
  <TitlesOfParts>
    <vt:vector size="34"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9 - Op Crédito</vt:lpstr>
      <vt:lpstr>Anexo 10 - Projeção RPPS Financ</vt:lpstr>
      <vt:lpstr>Anexo 10 - Projeção RPPS Prev</vt:lpstr>
      <vt:lpstr>Anexo 11 - Alienação</vt:lpstr>
      <vt:lpstr>Anexo 12 - Saúde (Estados)</vt:lpstr>
      <vt:lpstr>Anexo 13 - Despesas PPP</vt:lpstr>
      <vt:lpstr>Anexo 14 - Simplificado</vt:lpstr>
      <vt:lpstr>'Anexo 1 - Balanço Orçamentário'!Area_de_impressao</vt:lpstr>
      <vt:lpstr>'Anexo 10 - Projeção RPPS Financ'!Area_de_impressao</vt:lpstr>
      <vt:lpstr>'Anexo 10 - Projeção RPPS Prev'!Area_de_impressao</vt:lpstr>
      <vt:lpstr>'Anexo 11 - Alienação'!Area_de_impressao</vt:lpstr>
      <vt:lpstr>'Anexo 12 - Saúde (Estados)'!Area_de_impressao</vt:lpstr>
      <vt:lpstr>'Anexo 13 - Despesas PPP'!Area_de_impressao</vt:lpstr>
      <vt:lpstr>'Anexo 14 - Simplificado'!Area_de_impressao</vt:lpstr>
      <vt:lpstr>'Anexo 2 - Função'!Area_de_impressao</vt:lpstr>
      <vt:lpstr>'Anexo 2.1 - Função - Intra'!Area_de_impressao</vt:lpstr>
      <vt:lpstr>'Anexo 3 - RCL Estados'!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lpstr>'Anexo 9 - Op Crédito'!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6-01-28T14:34:07Z</cp:lastPrinted>
  <dcterms:created xsi:type="dcterms:W3CDTF">2004-08-09T19:29:24Z</dcterms:created>
  <dcterms:modified xsi:type="dcterms:W3CDTF">2016-01-29T11:57:30Z</dcterms:modified>
</cp:coreProperties>
</file>